
<file path=[Content_Types].xml><?xml version="1.0" encoding="utf-8"?>
<Types xmlns="http://schemas.openxmlformats.org/package/2006/content-types">
  <Default Extension="emf" ContentType="image/x-emf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460A1417" w14:textId="155CE6DB" w:rsidR="00644427" w:rsidRPr="00644427" w:rsidRDefault="00644427" w:rsidP="00644427">
      <w:pPr>
        <w:pStyle w:val="Heading1"/>
        <w:spacing w:before="320" w:after="240" w:line="252" w:lineRule="auto"/>
        <w:ind w:left="426"/>
        <w:rPr>
          <w:b w:val="0"/>
          <w:sz w:val="48"/>
          <w:szCs w:val="48"/>
        </w:rPr>
      </w:pPr>
      <w:r w:rsidRPr="00644427">
        <w:rPr>
          <w:rFonts w:asciiTheme="majorHAnsi" w:eastAsia="Times New Roman" w:hAnsiTheme="majorHAnsi" w:cs="Arial"/>
        </w:rPr>
        <w:br/>
      </w:r>
    </w:p>
    <w:p w14:paraId="41185532" w14:textId="21E7A12C" w:rsidR="009B1B76" w:rsidRPr="009B1B76" w:rsidRDefault="00710B0E" w:rsidP="009B1B76">
      <w:pPr>
        <w:pStyle w:val="Title"/>
        <w:jc w:val="center"/>
        <w:rPr>
          <w:b/>
          <w:sz w:val="48"/>
          <w:szCs w:val="48"/>
        </w:rPr>
      </w:pPr>
      <w:r>
        <w:rPr>
          <w:b/>
          <w:sz w:val="48"/>
          <w:szCs w:val="48"/>
        </w:rPr>
        <w:t xml:space="preserve">PIN </w:t>
      </w:r>
      <w:r w:rsidR="009B1B76" w:rsidRPr="009B1B76">
        <w:rPr>
          <w:b/>
          <w:sz w:val="48"/>
          <w:szCs w:val="48"/>
        </w:rPr>
        <w:t xml:space="preserve">Statistical analysis </w:t>
      </w:r>
      <w:r w:rsidR="00F83A2C">
        <w:rPr>
          <w:b/>
          <w:sz w:val="48"/>
          <w:szCs w:val="48"/>
        </w:rPr>
        <w:t xml:space="preserve">final </w:t>
      </w:r>
      <w:r w:rsidR="009B1B76" w:rsidRPr="009B1B76">
        <w:rPr>
          <w:b/>
          <w:sz w:val="48"/>
          <w:szCs w:val="48"/>
        </w:rPr>
        <w:t>report</w:t>
      </w:r>
    </w:p>
    <w:p w14:paraId="5D89393A" w14:textId="77777777" w:rsidR="009B1B76" w:rsidRDefault="009B1B76" w:rsidP="009B1B76">
      <w:pPr>
        <w:pStyle w:val="Title"/>
        <w:jc w:val="right"/>
        <w:rPr>
          <w:b/>
          <w:sz w:val="32"/>
          <w:szCs w:val="32"/>
        </w:rPr>
      </w:pPr>
    </w:p>
    <w:p w14:paraId="6D3A4954" w14:textId="579DB558" w:rsidR="009B1B76" w:rsidRPr="00E01703" w:rsidRDefault="009B1B76" w:rsidP="009B1B76">
      <w:pPr>
        <w:pStyle w:val="Default"/>
        <w:rPr>
          <w:rFonts w:asciiTheme="minorHAnsi" w:hAnsiTheme="minorHAnsi"/>
        </w:rPr>
      </w:pPr>
    </w:p>
    <w:p w14:paraId="1596F3A5" w14:textId="2478D1AF" w:rsidR="009B1B76" w:rsidRPr="007C436B" w:rsidRDefault="00710B0E" w:rsidP="007C436B">
      <w:pPr>
        <w:jc w:val="center"/>
        <w:rPr>
          <w:rFonts w:asciiTheme="majorHAnsi" w:eastAsiaTheme="minorHAnsi" w:hAnsiTheme="majorHAnsi" w:cstheme="minorHAnsi"/>
          <w:sz w:val="40"/>
          <w:szCs w:val="40"/>
        </w:rPr>
      </w:pPr>
      <w:r>
        <w:rPr>
          <w:rFonts w:cs="Tahoma"/>
          <w:b/>
          <w:bCs/>
          <w:noProof/>
          <w:sz w:val="52"/>
        </w:rPr>
        <w:drawing>
          <wp:inline distT="0" distB="0" distL="0" distR="0" wp14:anchorId="5CD09BFE" wp14:editId="49FD3E82">
            <wp:extent cx="3200400" cy="885825"/>
            <wp:effectExtent l="19050" t="0" r="0" b="0"/>
            <wp:docPr id="2" name="Picture 2" descr="pin minus logo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pin minus logo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200400" cy="88582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="00646D46" w:rsidRPr="009B1B76">
        <w:rPr>
          <w:rFonts w:asciiTheme="majorHAnsi" w:eastAsiaTheme="minorHAnsi" w:hAnsiTheme="majorHAnsi" w:cstheme="minorHAnsi"/>
          <w:sz w:val="40"/>
          <w:szCs w:val="40"/>
        </w:rPr>
        <w:br w:type="textWrapping" w:clear="all"/>
      </w:r>
      <w:r>
        <w:rPr>
          <w:b/>
          <w:sz w:val="28"/>
          <w:szCs w:val="28"/>
        </w:rPr>
        <w:t xml:space="preserve">PIN: </w:t>
      </w:r>
      <w:r w:rsidRPr="008A77AD">
        <w:rPr>
          <w:b/>
          <w:sz w:val="28"/>
          <w:szCs w:val="28"/>
        </w:rPr>
        <w:t xml:space="preserve">A randomised phase II trial of Olaparib maintenance versus placebo monotherapy in patients with </w:t>
      </w:r>
      <w:proofErr w:type="spellStart"/>
      <w:r w:rsidRPr="008A77AD">
        <w:rPr>
          <w:b/>
          <w:sz w:val="28"/>
          <w:szCs w:val="28"/>
        </w:rPr>
        <w:t>chemosensitive</w:t>
      </w:r>
      <w:proofErr w:type="spellEnd"/>
      <w:r w:rsidRPr="008A77AD">
        <w:rPr>
          <w:b/>
          <w:sz w:val="28"/>
          <w:szCs w:val="28"/>
        </w:rPr>
        <w:t xml:space="preserve"> advanced non-small cell lung cancer</w:t>
      </w:r>
    </w:p>
    <w:p w14:paraId="24150099" w14:textId="77777777" w:rsidR="009B1B76" w:rsidRDefault="009B1B76" w:rsidP="009B1B76">
      <w:pPr>
        <w:jc w:val="center"/>
        <w:rPr>
          <w:rFonts w:ascii="Verdana" w:hAnsi="Verdana" w:cstheme="minorHAnsi"/>
        </w:rPr>
      </w:pPr>
    </w:p>
    <w:p w14:paraId="506EA4DA" w14:textId="77777777" w:rsidR="009B1B76" w:rsidRDefault="009B1B76" w:rsidP="009B1B76">
      <w:pPr>
        <w:jc w:val="center"/>
        <w:rPr>
          <w:rFonts w:ascii="Verdana" w:hAnsi="Verdana" w:cstheme="minorHAnsi"/>
        </w:rPr>
      </w:pPr>
    </w:p>
    <w:p w14:paraId="3FB722B3" w14:textId="77777777" w:rsidR="009B1B76" w:rsidRDefault="009B1B76" w:rsidP="009B1B76">
      <w:pPr>
        <w:jc w:val="center"/>
        <w:rPr>
          <w:rFonts w:ascii="Verdana" w:hAnsi="Verdana" w:cstheme="minorHAnsi"/>
        </w:rPr>
      </w:pPr>
    </w:p>
    <w:p w14:paraId="5B0DCA38" w14:textId="77777777" w:rsidR="009B1B76" w:rsidRDefault="009B1B76" w:rsidP="009B1B76">
      <w:pPr>
        <w:jc w:val="center"/>
        <w:rPr>
          <w:rFonts w:asciiTheme="majorHAnsi" w:hAnsiTheme="majorHAnsi" w:cstheme="minorHAnsi"/>
        </w:rPr>
      </w:pPr>
    </w:p>
    <w:p w14:paraId="3B13B8E9" w14:textId="77777777" w:rsidR="009B1B76" w:rsidRPr="00E01703" w:rsidRDefault="009B1B76" w:rsidP="009B1B76">
      <w:pPr>
        <w:jc w:val="center"/>
        <w:rPr>
          <w:rFonts w:asciiTheme="majorHAnsi" w:hAnsiTheme="majorHAnsi" w:cstheme="minorHAnsi"/>
        </w:rPr>
      </w:pPr>
    </w:p>
    <w:tbl>
      <w:tblPr>
        <w:tblW w:w="9629" w:type="dxa"/>
        <w:tblLook w:val="04A0" w:firstRow="1" w:lastRow="0" w:firstColumn="1" w:lastColumn="0" w:noHBand="0" w:noVBand="1"/>
      </w:tblPr>
      <w:tblGrid>
        <w:gridCol w:w="1526"/>
        <w:gridCol w:w="2409"/>
        <w:gridCol w:w="1843"/>
        <w:gridCol w:w="2268"/>
        <w:gridCol w:w="1583"/>
      </w:tblGrid>
      <w:tr w:rsidR="009B1B76" w:rsidRPr="00A901C3" w14:paraId="3B5AE002" w14:textId="77777777" w:rsidTr="00177369">
        <w:tc>
          <w:tcPr>
            <w:tcW w:w="1526" w:type="dxa"/>
            <w:tcBorders>
              <w:top w:val="nil"/>
              <w:left w:val="nil"/>
            </w:tcBorders>
          </w:tcPr>
          <w:p w14:paraId="7EA99211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</w:p>
        </w:tc>
        <w:tc>
          <w:tcPr>
            <w:tcW w:w="2409" w:type="dxa"/>
          </w:tcPr>
          <w:p w14:paraId="4A5584B2" w14:textId="77777777" w:rsidR="009B1B76" w:rsidRPr="00A901C3" w:rsidRDefault="009B1B76" w:rsidP="00177369">
            <w:pPr>
              <w:jc w:val="center"/>
              <w:rPr>
                <w:rFonts w:asciiTheme="majorHAnsi" w:hAnsiTheme="majorHAnsi" w:cstheme="minorHAnsi"/>
              </w:rPr>
            </w:pPr>
            <w:r w:rsidRPr="00A901C3">
              <w:rPr>
                <w:rFonts w:asciiTheme="majorHAnsi" w:hAnsiTheme="majorHAnsi" w:cstheme="minorHAnsi"/>
              </w:rPr>
              <w:t>Name</w:t>
            </w:r>
          </w:p>
        </w:tc>
        <w:tc>
          <w:tcPr>
            <w:tcW w:w="1843" w:type="dxa"/>
          </w:tcPr>
          <w:p w14:paraId="4DD07781" w14:textId="77777777" w:rsidR="009B1B76" w:rsidRPr="00A901C3" w:rsidRDefault="009B1B76" w:rsidP="00177369">
            <w:pPr>
              <w:jc w:val="center"/>
              <w:rPr>
                <w:rFonts w:asciiTheme="majorHAnsi" w:hAnsiTheme="majorHAnsi" w:cstheme="minorHAnsi"/>
              </w:rPr>
            </w:pPr>
            <w:r w:rsidRPr="00A901C3">
              <w:rPr>
                <w:rFonts w:asciiTheme="majorHAnsi" w:hAnsiTheme="majorHAnsi" w:cstheme="minorHAnsi"/>
              </w:rPr>
              <w:t>Title</w:t>
            </w:r>
          </w:p>
        </w:tc>
        <w:tc>
          <w:tcPr>
            <w:tcW w:w="2268" w:type="dxa"/>
          </w:tcPr>
          <w:p w14:paraId="51857DB5" w14:textId="77777777" w:rsidR="009B1B76" w:rsidRPr="00A901C3" w:rsidRDefault="009B1B76" w:rsidP="00177369">
            <w:pPr>
              <w:jc w:val="center"/>
              <w:rPr>
                <w:rFonts w:asciiTheme="majorHAnsi" w:hAnsiTheme="majorHAnsi" w:cstheme="minorHAnsi"/>
              </w:rPr>
            </w:pPr>
            <w:r w:rsidRPr="00A901C3">
              <w:rPr>
                <w:rFonts w:asciiTheme="majorHAnsi" w:hAnsiTheme="majorHAnsi" w:cstheme="minorHAnsi"/>
              </w:rPr>
              <w:t>Signature</w:t>
            </w:r>
          </w:p>
        </w:tc>
        <w:tc>
          <w:tcPr>
            <w:tcW w:w="1583" w:type="dxa"/>
          </w:tcPr>
          <w:p w14:paraId="09346D89" w14:textId="77777777" w:rsidR="009B1B76" w:rsidRPr="00A901C3" w:rsidRDefault="009B1B76" w:rsidP="00177369">
            <w:pPr>
              <w:jc w:val="center"/>
              <w:rPr>
                <w:rFonts w:asciiTheme="majorHAnsi" w:hAnsiTheme="majorHAnsi" w:cstheme="minorHAnsi"/>
              </w:rPr>
            </w:pPr>
            <w:r w:rsidRPr="00A901C3">
              <w:rPr>
                <w:rFonts w:asciiTheme="majorHAnsi" w:hAnsiTheme="majorHAnsi" w:cstheme="minorHAnsi"/>
              </w:rPr>
              <w:t>Date</w:t>
            </w:r>
          </w:p>
        </w:tc>
      </w:tr>
      <w:tr w:rsidR="009B1B76" w:rsidRPr="00A901C3" w14:paraId="7F00147F" w14:textId="77777777" w:rsidTr="00177369">
        <w:tc>
          <w:tcPr>
            <w:tcW w:w="1526" w:type="dxa"/>
          </w:tcPr>
          <w:p w14:paraId="28509242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  <w:r w:rsidRPr="00A901C3">
              <w:rPr>
                <w:rFonts w:asciiTheme="majorHAnsi" w:hAnsiTheme="majorHAnsi" w:cstheme="minorHAnsi"/>
              </w:rPr>
              <w:t>Written by:</w:t>
            </w:r>
          </w:p>
        </w:tc>
        <w:tc>
          <w:tcPr>
            <w:tcW w:w="2409" w:type="dxa"/>
          </w:tcPr>
          <w:p w14:paraId="3607A62C" w14:textId="31E64585" w:rsidR="009B1B76" w:rsidRPr="00A901C3" w:rsidRDefault="00710B0E" w:rsidP="00177369">
            <w:pPr>
              <w:rPr>
                <w:rFonts w:asciiTheme="majorHAnsi" w:hAnsiTheme="majorHAnsi" w:cstheme="minorHAnsi"/>
              </w:rPr>
            </w:pPr>
            <w:r>
              <w:rPr>
                <w:rFonts w:asciiTheme="majorHAnsi" w:hAnsiTheme="majorHAnsi" w:cstheme="minorHAnsi"/>
              </w:rPr>
              <w:t>Catharine Porter</w:t>
            </w:r>
          </w:p>
        </w:tc>
        <w:tc>
          <w:tcPr>
            <w:tcW w:w="1843" w:type="dxa"/>
          </w:tcPr>
          <w:p w14:paraId="5E7EC8AA" w14:textId="7AAB44C1" w:rsidR="009B1B76" w:rsidRPr="00A901C3" w:rsidRDefault="00710B0E" w:rsidP="00177369">
            <w:pPr>
              <w:rPr>
                <w:rFonts w:asciiTheme="majorHAnsi" w:hAnsiTheme="majorHAnsi" w:cstheme="minorHAnsi"/>
              </w:rPr>
            </w:pPr>
            <w:r>
              <w:rPr>
                <w:rFonts w:asciiTheme="majorHAnsi" w:hAnsiTheme="majorHAnsi" w:cstheme="minorHAnsi"/>
              </w:rPr>
              <w:t>Dr</w:t>
            </w:r>
          </w:p>
        </w:tc>
        <w:tc>
          <w:tcPr>
            <w:tcW w:w="2268" w:type="dxa"/>
          </w:tcPr>
          <w:p w14:paraId="40E50410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</w:p>
          <w:p w14:paraId="2CD9BFA4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</w:p>
        </w:tc>
        <w:tc>
          <w:tcPr>
            <w:tcW w:w="1583" w:type="dxa"/>
          </w:tcPr>
          <w:p w14:paraId="3899CAA6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</w:p>
        </w:tc>
      </w:tr>
      <w:tr w:rsidR="009B1B76" w:rsidRPr="00A901C3" w14:paraId="64E30148" w14:textId="77777777" w:rsidTr="00177369">
        <w:tc>
          <w:tcPr>
            <w:tcW w:w="1526" w:type="dxa"/>
          </w:tcPr>
          <w:p w14:paraId="411F564E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  <w:r w:rsidRPr="00A901C3">
              <w:rPr>
                <w:rFonts w:asciiTheme="majorHAnsi" w:hAnsiTheme="majorHAnsi" w:cstheme="minorHAnsi"/>
              </w:rPr>
              <w:t>Validated and reviewed by:</w:t>
            </w:r>
          </w:p>
        </w:tc>
        <w:tc>
          <w:tcPr>
            <w:tcW w:w="2409" w:type="dxa"/>
          </w:tcPr>
          <w:p w14:paraId="6A3EC613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</w:p>
          <w:p w14:paraId="0541BBA5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</w:p>
        </w:tc>
        <w:tc>
          <w:tcPr>
            <w:tcW w:w="1843" w:type="dxa"/>
          </w:tcPr>
          <w:p w14:paraId="45C85C44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</w:p>
        </w:tc>
        <w:tc>
          <w:tcPr>
            <w:tcW w:w="2268" w:type="dxa"/>
          </w:tcPr>
          <w:p w14:paraId="328886CD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</w:p>
        </w:tc>
        <w:tc>
          <w:tcPr>
            <w:tcW w:w="1583" w:type="dxa"/>
          </w:tcPr>
          <w:p w14:paraId="3AA8481B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</w:p>
        </w:tc>
      </w:tr>
      <w:tr w:rsidR="009B1B76" w:rsidRPr="00A901C3" w14:paraId="39AC11B6" w14:textId="77777777" w:rsidTr="00177369">
        <w:tc>
          <w:tcPr>
            <w:tcW w:w="1526" w:type="dxa"/>
          </w:tcPr>
          <w:p w14:paraId="73B52050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  <w:r w:rsidRPr="00A901C3">
              <w:rPr>
                <w:rFonts w:asciiTheme="majorHAnsi" w:hAnsiTheme="majorHAnsi" w:cstheme="minorHAnsi"/>
              </w:rPr>
              <w:t>Approved by:</w:t>
            </w:r>
          </w:p>
        </w:tc>
        <w:tc>
          <w:tcPr>
            <w:tcW w:w="2409" w:type="dxa"/>
          </w:tcPr>
          <w:p w14:paraId="06A59241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</w:p>
          <w:p w14:paraId="18E87E63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</w:p>
        </w:tc>
        <w:tc>
          <w:tcPr>
            <w:tcW w:w="1843" w:type="dxa"/>
          </w:tcPr>
          <w:p w14:paraId="2A456D57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</w:p>
        </w:tc>
        <w:tc>
          <w:tcPr>
            <w:tcW w:w="2268" w:type="dxa"/>
          </w:tcPr>
          <w:p w14:paraId="4480601F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</w:p>
        </w:tc>
        <w:tc>
          <w:tcPr>
            <w:tcW w:w="1583" w:type="dxa"/>
          </w:tcPr>
          <w:p w14:paraId="0BF463F9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</w:p>
        </w:tc>
      </w:tr>
    </w:tbl>
    <w:p w14:paraId="19304D2F" w14:textId="77777777" w:rsidR="009B1B76" w:rsidRPr="00E01703" w:rsidRDefault="009B1B76" w:rsidP="009B1B76">
      <w:pPr>
        <w:rPr>
          <w:rFonts w:asciiTheme="majorHAnsi" w:hAnsiTheme="majorHAnsi" w:cstheme="minorHAnsi"/>
          <w:b/>
        </w:rPr>
      </w:pPr>
    </w:p>
    <w:p w14:paraId="6D0DC449" w14:textId="77777777" w:rsidR="009B1B76" w:rsidRPr="00A901C3" w:rsidRDefault="009B1B76" w:rsidP="009B1B76">
      <w:pPr>
        <w:rPr>
          <w:rFonts w:asciiTheme="majorHAnsi" w:hAnsiTheme="majorHAnsi" w:cstheme="minorHAnsi"/>
          <w:b/>
        </w:rPr>
      </w:pPr>
      <w:r w:rsidRPr="00A901C3">
        <w:rPr>
          <w:rFonts w:asciiTheme="majorHAnsi" w:hAnsiTheme="majorHAnsi" w:cstheme="minorHAnsi"/>
          <w:b/>
        </w:rPr>
        <w:t>Version history</w:t>
      </w:r>
    </w:p>
    <w:tbl>
      <w:tblPr>
        <w:tblW w:w="9464" w:type="dxa"/>
        <w:tblLook w:val="04A0" w:firstRow="1" w:lastRow="0" w:firstColumn="1" w:lastColumn="0" w:noHBand="0" w:noVBand="1"/>
      </w:tblPr>
      <w:tblGrid>
        <w:gridCol w:w="1668"/>
        <w:gridCol w:w="2268"/>
        <w:gridCol w:w="5528"/>
      </w:tblGrid>
      <w:tr w:rsidR="009B1B76" w:rsidRPr="00A901C3" w14:paraId="044FE88B" w14:textId="77777777" w:rsidTr="00177369">
        <w:tc>
          <w:tcPr>
            <w:tcW w:w="1668" w:type="dxa"/>
          </w:tcPr>
          <w:p w14:paraId="443017E9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  <w:r w:rsidRPr="00A901C3">
              <w:rPr>
                <w:rFonts w:asciiTheme="majorHAnsi" w:hAnsiTheme="majorHAnsi" w:cstheme="minorHAnsi"/>
              </w:rPr>
              <w:t>Version</w:t>
            </w:r>
          </w:p>
        </w:tc>
        <w:tc>
          <w:tcPr>
            <w:tcW w:w="2268" w:type="dxa"/>
          </w:tcPr>
          <w:p w14:paraId="041214FF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  <w:r w:rsidRPr="00A901C3">
              <w:rPr>
                <w:rFonts w:asciiTheme="majorHAnsi" w:hAnsiTheme="majorHAnsi" w:cstheme="minorHAnsi"/>
              </w:rPr>
              <w:t>Version date</w:t>
            </w:r>
          </w:p>
        </w:tc>
        <w:tc>
          <w:tcPr>
            <w:tcW w:w="5528" w:type="dxa"/>
          </w:tcPr>
          <w:p w14:paraId="44BC3BD3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  <w:r w:rsidRPr="00A901C3">
              <w:rPr>
                <w:rFonts w:asciiTheme="majorHAnsi" w:hAnsiTheme="majorHAnsi" w:cstheme="minorHAnsi"/>
              </w:rPr>
              <w:t>Changes</w:t>
            </w:r>
          </w:p>
        </w:tc>
      </w:tr>
      <w:tr w:rsidR="009B1B76" w:rsidRPr="00A901C3" w14:paraId="273FC5E2" w14:textId="77777777" w:rsidTr="00177369">
        <w:tc>
          <w:tcPr>
            <w:tcW w:w="1668" w:type="dxa"/>
          </w:tcPr>
          <w:p w14:paraId="0898DCA3" w14:textId="7E3E03C0" w:rsidR="009B1B76" w:rsidRPr="00A901C3" w:rsidRDefault="00710B0E" w:rsidP="00177369">
            <w:pPr>
              <w:rPr>
                <w:rFonts w:asciiTheme="majorHAnsi" w:hAnsiTheme="majorHAnsi" w:cstheme="minorHAnsi"/>
              </w:rPr>
            </w:pPr>
            <w:r>
              <w:rPr>
                <w:rFonts w:asciiTheme="majorHAnsi" w:hAnsiTheme="majorHAnsi" w:cstheme="minorHAnsi"/>
              </w:rPr>
              <w:t>1.0</w:t>
            </w:r>
          </w:p>
        </w:tc>
        <w:tc>
          <w:tcPr>
            <w:tcW w:w="2268" w:type="dxa"/>
          </w:tcPr>
          <w:p w14:paraId="6B551F45" w14:textId="3513D5B2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</w:p>
        </w:tc>
        <w:tc>
          <w:tcPr>
            <w:tcW w:w="5528" w:type="dxa"/>
          </w:tcPr>
          <w:p w14:paraId="3B9D93E7" w14:textId="57CB80AA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</w:p>
        </w:tc>
      </w:tr>
      <w:tr w:rsidR="009B1B76" w:rsidRPr="00A901C3" w14:paraId="2EC1EA93" w14:textId="77777777" w:rsidTr="00177369">
        <w:tc>
          <w:tcPr>
            <w:tcW w:w="1668" w:type="dxa"/>
          </w:tcPr>
          <w:p w14:paraId="54973515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</w:p>
        </w:tc>
        <w:tc>
          <w:tcPr>
            <w:tcW w:w="2268" w:type="dxa"/>
          </w:tcPr>
          <w:p w14:paraId="47DC597E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</w:p>
        </w:tc>
        <w:tc>
          <w:tcPr>
            <w:tcW w:w="5528" w:type="dxa"/>
          </w:tcPr>
          <w:p w14:paraId="6B622212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</w:p>
        </w:tc>
      </w:tr>
      <w:tr w:rsidR="009B1B76" w:rsidRPr="00A901C3" w14:paraId="5B6DD7C1" w14:textId="77777777" w:rsidTr="00177369">
        <w:tc>
          <w:tcPr>
            <w:tcW w:w="1668" w:type="dxa"/>
          </w:tcPr>
          <w:p w14:paraId="6050E1BE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</w:p>
        </w:tc>
        <w:tc>
          <w:tcPr>
            <w:tcW w:w="2268" w:type="dxa"/>
          </w:tcPr>
          <w:p w14:paraId="19F115C9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</w:p>
        </w:tc>
        <w:tc>
          <w:tcPr>
            <w:tcW w:w="5528" w:type="dxa"/>
          </w:tcPr>
          <w:p w14:paraId="50DD78BD" w14:textId="77777777" w:rsidR="009B1B76" w:rsidRPr="00A901C3" w:rsidRDefault="009B1B76" w:rsidP="00177369">
            <w:pPr>
              <w:rPr>
                <w:rFonts w:asciiTheme="majorHAnsi" w:hAnsiTheme="majorHAnsi" w:cstheme="minorHAnsi"/>
              </w:rPr>
            </w:pPr>
          </w:p>
        </w:tc>
      </w:tr>
    </w:tbl>
    <w:p w14:paraId="1FFAF2F0" w14:textId="77777777" w:rsidR="009B1B76" w:rsidRDefault="009B1B76" w:rsidP="009B1B76"/>
    <w:p w14:paraId="6CC7B89B" w14:textId="77777777" w:rsidR="005E7A22" w:rsidRDefault="005E7A22" w:rsidP="009B1B76"/>
    <w:p w14:paraId="62350B0A" w14:textId="77777777" w:rsidR="005E7A22" w:rsidRDefault="005E7A22" w:rsidP="00644427">
      <w:pPr>
        <w:pStyle w:val="Heading1"/>
        <w:numPr>
          <w:ilvl w:val="0"/>
          <w:numId w:val="5"/>
        </w:numPr>
        <w:spacing w:before="320" w:after="240" w:line="252" w:lineRule="auto"/>
        <w:ind w:left="426"/>
        <w:jc w:val="both"/>
        <w:rPr>
          <w:rFonts w:asciiTheme="majorHAnsi" w:eastAsia="Times New Roman" w:hAnsiTheme="majorHAnsi" w:cs="Arial"/>
          <w:b w:val="0"/>
        </w:rPr>
      </w:pPr>
      <w:bookmarkStart w:id="0" w:name="_Toc455498686"/>
      <w:r w:rsidRPr="003713EF">
        <w:rPr>
          <w:rFonts w:asciiTheme="majorHAnsi" w:eastAsia="Times New Roman" w:hAnsiTheme="majorHAnsi" w:cs="Arial"/>
        </w:rPr>
        <w:t>Introduction</w:t>
      </w:r>
      <w:bookmarkEnd w:id="0"/>
      <w:r w:rsidRPr="003713EF">
        <w:rPr>
          <w:rFonts w:asciiTheme="majorHAnsi" w:eastAsia="Times New Roman" w:hAnsiTheme="majorHAnsi" w:cs="Arial"/>
        </w:rPr>
        <w:t xml:space="preserve">  </w:t>
      </w:r>
    </w:p>
    <w:p w14:paraId="78C22A82" w14:textId="77777777" w:rsidR="005E7A22" w:rsidRDefault="005E7A22" w:rsidP="005E7A22">
      <w:pPr>
        <w:pStyle w:val="ListParagraph"/>
        <w:tabs>
          <w:tab w:val="left" w:pos="1440"/>
        </w:tabs>
        <w:ind w:left="284"/>
        <w:contextualSpacing/>
        <w:outlineLvl w:val="0"/>
        <w:rPr>
          <w:rFonts w:asciiTheme="majorHAnsi" w:eastAsia="Times New Roman" w:hAnsiTheme="majorHAnsi" w:cs="Arial"/>
          <w:b/>
          <w:sz w:val="28"/>
          <w:szCs w:val="28"/>
        </w:rPr>
      </w:pPr>
    </w:p>
    <w:p w14:paraId="27F557B9" w14:textId="30C3CD25" w:rsidR="005E7A22" w:rsidRPr="00A90626" w:rsidRDefault="005E7A22" w:rsidP="005E7A22">
      <w:pPr>
        <w:rPr>
          <w:rFonts w:asciiTheme="majorHAnsi" w:hAnsiTheme="majorHAnsi"/>
        </w:rPr>
      </w:pPr>
      <w:r w:rsidRPr="003713EF">
        <w:rPr>
          <w:rFonts w:asciiTheme="majorHAnsi" w:hAnsiTheme="majorHAnsi"/>
        </w:rPr>
        <w:lastRenderedPageBreak/>
        <w:t xml:space="preserve">This document details the analysis for the main paper(s) reporting results from the </w:t>
      </w:r>
      <w:r w:rsidR="00710B0E">
        <w:rPr>
          <w:rFonts w:asciiTheme="majorHAnsi" w:hAnsiTheme="majorHAnsi"/>
        </w:rPr>
        <w:t>PIN</w:t>
      </w:r>
      <w:r w:rsidRPr="005E7A22">
        <w:rPr>
          <w:rFonts w:asciiTheme="majorHAnsi" w:hAnsiTheme="majorHAnsi"/>
        </w:rPr>
        <w:t xml:space="preserve"> </w:t>
      </w:r>
      <w:r w:rsidR="006E387F">
        <w:rPr>
          <w:rFonts w:asciiTheme="majorHAnsi" w:hAnsiTheme="majorHAnsi"/>
        </w:rPr>
        <w:t>trial/</w:t>
      </w:r>
      <w:r>
        <w:rPr>
          <w:rFonts w:asciiTheme="majorHAnsi" w:hAnsiTheme="majorHAnsi"/>
        </w:rPr>
        <w:t xml:space="preserve">study. </w:t>
      </w:r>
      <w:r w:rsidRPr="00A90626">
        <w:rPr>
          <w:rFonts w:asciiTheme="majorHAnsi" w:hAnsiTheme="majorHAnsi"/>
        </w:rPr>
        <w:t xml:space="preserve">Subsequent analyses of a more exploratory nature will not be bound by this strategy, though they are expected to follow the broad principles </w:t>
      </w:r>
      <w:r w:rsidR="006E387F">
        <w:rPr>
          <w:rFonts w:asciiTheme="majorHAnsi" w:hAnsiTheme="majorHAnsi"/>
        </w:rPr>
        <w:t>within this report</w:t>
      </w:r>
      <w:r w:rsidRPr="00A90626">
        <w:rPr>
          <w:rFonts w:asciiTheme="majorHAnsi" w:hAnsiTheme="majorHAnsi"/>
        </w:rPr>
        <w:t xml:space="preserve">. </w:t>
      </w:r>
    </w:p>
    <w:p w14:paraId="0A332CED" w14:textId="77777777" w:rsidR="005E7A22" w:rsidRPr="005E7A22" w:rsidRDefault="005E7A22" w:rsidP="005E7A22">
      <w:pPr>
        <w:rPr>
          <w:rFonts w:asciiTheme="majorHAnsi" w:hAnsiTheme="majorHAnsi"/>
        </w:rPr>
      </w:pPr>
      <w:r w:rsidRPr="00A90626">
        <w:rPr>
          <w:rFonts w:asciiTheme="majorHAnsi" w:hAnsiTheme="majorHAnsi"/>
        </w:rPr>
        <w:t xml:space="preserve">The analysis strategy will be available </w:t>
      </w:r>
      <w:r w:rsidRPr="005E7A22">
        <w:rPr>
          <w:rFonts w:asciiTheme="majorHAnsi" w:hAnsiTheme="majorHAnsi"/>
        </w:rPr>
        <w:t xml:space="preserve">on request when the principal papers are submitted for publication in a journal. Suggestions for subsequent analyses by journal editors or referees, will be considered carefully, and carried out as far as possible in line with the principles of this analysis strategy; if reported, the source of the suggestion will be acknowledged. </w:t>
      </w:r>
    </w:p>
    <w:p w14:paraId="086185BE" w14:textId="77777777" w:rsidR="005E7A22" w:rsidRPr="005E7A22" w:rsidRDefault="005E7A22" w:rsidP="005E7A22">
      <w:pPr>
        <w:rPr>
          <w:rFonts w:asciiTheme="majorHAnsi" w:hAnsiTheme="majorHAnsi"/>
        </w:rPr>
      </w:pPr>
    </w:p>
    <w:p w14:paraId="66FEC831" w14:textId="77777777" w:rsidR="00710B0E" w:rsidRPr="00710B0E" w:rsidRDefault="005E7A22" w:rsidP="00710B0E">
      <w:pPr>
        <w:jc w:val="center"/>
        <w:rPr>
          <w:rFonts w:asciiTheme="majorHAnsi" w:hAnsiTheme="majorHAnsi"/>
        </w:rPr>
      </w:pPr>
      <w:r w:rsidRPr="005E7A22">
        <w:rPr>
          <w:rFonts w:asciiTheme="majorHAnsi" w:hAnsiTheme="majorHAnsi"/>
        </w:rPr>
        <w:t>This report is based on the statistical analysis plan “</w:t>
      </w:r>
      <w:r w:rsidR="00710B0E" w:rsidRPr="00710B0E">
        <w:rPr>
          <w:rFonts w:asciiTheme="majorHAnsi" w:hAnsiTheme="majorHAnsi"/>
        </w:rPr>
        <w:t xml:space="preserve">Statistical Analysis Plan for </w:t>
      </w:r>
    </w:p>
    <w:p w14:paraId="41D65BF0" w14:textId="00A43014" w:rsidR="005E7A22" w:rsidRDefault="00710B0E" w:rsidP="00710B0E">
      <w:pPr>
        <w:rPr>
          <w:rFonts w:asciiTheme="majorHAnsi" w:hAnsiTheme="majorHAnsi"/>
        </w:rPr>
      </w:pPr>
      <w:proofErr w:type="gramStart"/>
      <w:r w:rsidRPr="00710B0E">
        <w:rPr>
          <w:rFonts w:asciiTheme="majorHAnsi" w:hAnsiTheme="majorHAnsi"/>
        </w:rPr>
        <w:t>PIN :</w:t>
      </w:r>
      <w:proofErr w:type="gramEnd"/>
      <w:r w:rsidRPr="00710B0E">
        <w:rPr>
          <w:rFonts w:asciiTheme="majorHAnsi" w:hAnsiTheme="majorHAnsi"/>
        </w:rPr>
        <w:t xml:space="preserve"> Parp Inhibitor in advanced NSCLC: A randomised phase II trial of Olaparib maintenance versus placebo monotherapy in patients with </w:t>
      </w:r>
      <w:proofErr w:type="spellStart"/>
      <w:r w:rsidRPr="00710B0E">
        <w:rPr>
          <w:rFonts w:asciiTheme="majorHAnsi" w:hAnsiTheme="majorHAnsi"/>
        </w:rPr>
        <w:t>chemosensitive</w:t>
      </w:r>
      <w:proofErr w:type="spellEnd"/>
      <w:r w:rsidRPr="00710B0E">
        <w:rPr>
          <w:rFonts w:asciiTheme="majorHAnsi" w:hAnsiTheme="majorHAnsi"/>
        </w:rPr>
        <w:t xml:space="preserve"> advanced non-small cell lung cancer” Version 2 </w:t>
      </w:r>
      <w:r w:rsidR="005E7A22" w:rsidRPr="005E7A22">
        <w:rPr>
          <w:rFonts w:asciiTheme="majorHAnsi" w:hAnsiTheme="majorHAnsi"/>
        </w:rPr>
        <w:t xml:space="preserve">dated </w:t>
      </w:r>
      <w:r>
        <w:rPr>
          <w:rFonts w:asciiTheme="majorHAnsi" w:hAnsiTheme="majorHAnsi"/>
        </w:rPr>
        <w:t>04/02/2019</w:t>
      </w:r>
      <w:r w:rsidR="005E7A22" w:rsidRPr="005E7A22">
        <w:rPr>
          <w:rFonts w:asciiTheme="majorHAnsi" w:hAnsiTheme="majorHAnsi"/>
        </w:rPr>
        <w:t xml:space="preserve">. </w:t>
      </w:r>
    </w:p>
    <w:p w14:paraId="4B250486" w14:textId="77777777" w:rsidR="00034387" w:rsidRDefault="00034387" w:rsidP="005E7A22">
      <w:pPr>
        <w:rPr>
          <w:rFonts w:asciiTheme="majorHAnsi" w:hAnsiTheme="majorHAnsi"/>
        </w:rPr>
      </w:pPr>
    </w:p>
    <w:p w14:paraId="5791CECB" w14:textId="5F3BEDFC" w:rsidR="005E7A22" w:rsidRPr="005E7A22" w:rsidRDefault="005E7A22" w:rsidP="005E7A22">
      <w:pPr>
        <w:rPr>
          <w:rFonts w:asciiTheme="majorHAnsi" w:hAnsiTheme="majorHAnsi"/>
        </w:rPr>
      </w:pPr>
      <w:r w:rsidRPr="005E7A22">
        <w:rPr>
          <w:rFonts w:asciiTheme="majorHAnsi" w:hAnsiTheme="majorHAnsi"/>
        </w:rPr>
        <w:t xml:space="preserve">Any deviations from the statistical analysis plan will be described and justified in this report. </w:t>
      </w:r>
    </w:p>
    <w:p w14:paraId="0FB71BF7" w14:textId="77777777" w:rsidR="005E7A22" w:rsidRPr="005E7A22" w:rsidRDefault="005E7A22" w:rsidP="005E7A22">
      <w:pPr>
        <w:pStyle w:val="Default"/>
        <w:spacing w:line="276" w:lineRule="auto"/>
        <w:rPr>
          <w:rFonts w:asciiTheme="majorHAnsi" w:hAnsiTheme="majorHAnsi"/>
          <w:sz w:val="22"/>
          <w:szCs w:val="22"/>
        </w:rPr>
      </w:pPr>
    </w:p>
    <w:p w14:paraId="7EB87A84" w14:textId="77777777" w:rsidR="005E7A22" w:rsidRPr="005E7A22" w:rsidRDefault="005E7A22" w:rsidP="005E7A22">
      <w:pPr>
        <w:pStyle w:val="Default"/>
        <w:spacing w:line="276" w:lineRule="auto"/>
        <w:rPr>
          <w:rFonts w:asciiTheme="majorHAnsi" w:hAnsiTheme="majorHAnsi"/>
          <w:sz w:val="22"/>
          <w:szCs w:val="22"/>
        </w:rPr>
      </w:pPr>
      <w:r w:rsidRPr="005E7A22">
        <w:rPr>
          <w:rFonts w:asciiTheme="majorHAnsi" w:hAnsiTheme="majorHAnsi"/>
          <w:b/>
          <w:bCs/>
          <w:i/>
          <w:iCs/>
          <w:sz w:val="22"/>
          <w:szCs w:val="22"/>
        </w:rPr>
        <w:t xml:space="preserve">Report written by: </w:t>
      </w:r>
    </w:p>
    <w:p w14:paraId="3E68D0BA" w14:textId="07822461" w:rsidR="005E7A22" w:rsidRPr="005E7A22" w:rsidRDefault="00710B0E" w:rsidP="005E7A22">
      <w:pPr>
        <w:rPr>
          <w:rFonts w:asciiTheme="majorHAnsi" w:hAnsiTheme="majorHAnsi"/>
        </w:rPr>
      </w:pPr>
      <w:r>
        <w:rPr>
          <w:rFonts w:asciiTheme="majorHAnsi" w:hAnsiTheme="majorHAnsi"/>
        </w:rPr>
        <w:t>Catharine Porter</w:t>
      </w:r>
    </w:p>
    <w:p w14:paraId="5A35350E" w14:textId="77777777" w:rsidR="005E7A22" w:rsidRPr="005E7A22" w:rsidRDefault="005E7A22" w:rsidP="005E7A22">
      <w:pPr>
        <w:pStyle w:val="Default"/>
        <w:spacing w:line="276" w:lineRule="auto"/>
        <w:rPr>
          <w:rFonts w:asciiTheme="majorHAnsi" w:hAnsiTheme="majorHAnsi"/>
          <w:sz w:val="22"/>
          <w:szCs w:val="22"/>
        </w:rPr>
      </w:pPr>
    </w:p>
    <w:p w14:paraId="460CFB12" w14:textId="77777777" w:rsidR="005E7A22" w:rsidRPr="005E7A22" w:rsidRDefault="005E7A22" w:rsidP="005E7A22">
      <w:pPr>
        <w:pStyle w:val="Default"/>
        <w:spacing w:line="276" w:lineRule="auto"/>
        <w:rPr>
          <w:rFonts w:asciiTheme="majorHAnsi" w:hAnsiTheme="majorHAnsi"/>
          <w:b/>
          <w:bCs/>
          <w:i/>
          <w:iCs/>
          <w:sz w:val="22"/>
          <w:szCs w:val="22"/>
        </w:rPr>
      </w:pPr>
      <w:r w:rsidRPr="005E7A22">
        <w:rPr>
          <w:rFonts w:asciiTheme="majorHAnsi" w:hAnsiTheme="majorHAnsi"/>
          <w:b/>
          <w:bCs/>
          <w:i/>
          <w:iCs/>
          <w:sz w:val="22"/>
          <w:szCs w:val="22"/>
        </w:rPr>
        <w:t xml:space="preserve">Chief Investigators: </w:t>
      </w:r>
    </w:p>
    <w:p w14:paraId="1B3CB091" w14:textId="5B032914" w:rsidR="005E7A22" w:rsidRPr="005E7A22" w:rsidRDefault="00710B0E" w:rsidP="005E7A22">
      <w:pPr>
        <w:rPr>
          <w:rFonts w:asciiTheme="majorHAnsi" w:hAnsiTheme="majorHAnsi"/>
        </w:rPr>
      </w:pPr>
      <w:r>
        <w:rPr>
          <w:rFonts w:asciiTheme="majorHAnsi" w:hAnsiTheme="majorHAnsi"/>
        </w:rPr>
        <w:t>Dean Fennell</w:t>
      </w:r>
    </w:p>
    <w:p w14:paraId="6D317976" w14:textId="77777777" w:rsidR="005E7A22" w:rsidRPr="005E7A22" w:rsidRDefault="005E7A22" w:rsidP="005E7A22">
      <w:pPr>
        <w:pStyle w:val="Default"/>
        <w:spacing w:line="276" w:lineRule="auto"/>
        <w:rPr>
          <w:rFonts w:asciiTheme="majorHAnsi" w:hAnsiTheme="majorHAnsi"/>
          <w:sz w:val="22"/>
          <w:szCs w:val="22"/>
        </w:rPr>
      </w:pPr>
    </w:p>
    <w:p w14:paraId="024E5BC2" w14:textId="0ABA83F5" w:rsidR="005E7A22" w:rsidRPr="005E7A22" w:rsidRDefault="006E387F" w:rsidP="005E7A22">
      <w:pPr>
        <w:pStyle w:val="Default"/>
        <w:spacing w:line="276" w:lineRule="auto"/>
        <w:rPr>
          <w:rFonts w:asciiTheme="majorHAnsi" w:hAnsiTheme="majorHAnsi"/>
          <w:sz w:val="22"/>
          <w:szCs w:val="22"/>
        </w:rPr>
      </w:pPr>
      <w:r>
        <w:rPr>
          <w:rFonts w:asciiTheme="majorHAnsi" w:hAnsiTheme="majorHAnsi"/>
          <w:b/>
          <w:bCs/>
          <w:i/>
          <w:iCs/>
          <w:sz w:val="22"/>
          <w:szCs w:val="22"/>
        </w:rPr>
        <w:t>Trial/</w:t>
      </w:r>
      <w:r w:rsidR="005E7A22" w:rsidRPr="005E7A22">
        <w:rPr>
          <w:rFonts w:asciiTheme="majorHAnsi" w:hAnsiTheme="majorHAnsi"/>
          <w:b/>
          <w:bCs/>
          <w:i/>
          <w:iCs/>
          <w:sz w:val="22"/>
          <w:szCs w:val="22"/>
        </w:rPr>
        <w:t xml:space="preserve">Study Manager: </w:t>
      </w:r>
    </w:p>
    <w:p w14:paraId="561C3B3F" w14:textId="4A10E357" w:rsidR="005E7A22" w:rsidRPr="005E7A22" w:rsidRDefault="00710B0E" w:rsidP="005E7A22">
      <w:pPr>
        <w:rPr>
          <w:rFonts w:asciiTheme="majorHAnsi" w:hAnsiTheme="majorHAnsi"/>
        </w:rPr>
      </w:pPr>
      <w:r>
        <w:rPr>
          <w:rFonts w:asciiTheme="majorHAnsi" w:hAnsiTheme="majorHAnsi"/>
        </w:rPr>
        <w:t>Georgina Gardner</w:t>
      </w:r>
    </w:p>
    <w:p w14:paraId="11C66523" w14:textId="77777777" w:rsidR="005E7A22" w:rsidRPr="005E7A22" w:rsidRDefault="005E7A22" w:rsidP="005E7A22">
      <w:pPr>
        <w:pStyle w:val="Default"/>
        <w:spacing w:line="276" w:lineRule="auto"/>
        <w:rPr>
          <w:rFonts w:asciiTheme="majorHAnsi" w:hAnsiTheme="majorHAnsi"/>
          <w:sz w:val="22"/>
          <w:szCs w:val="22"/>
        </w:rPr>
      </w:pPr>
    </w:p>
    <w:p w14:paraId="1FDE9AE1" w14:textId="77777777" w:rsidR="005E7A22" w:rsidRPr="005E7A22" w:rsidRDefault="005E7A22" w:rsidP="00644427">
      <w:pPr>
        <w:pStyle w:val="Heading1"/>
        <w:numPr>
          <w:ilvl w:val="0"/>
          <w:numId w:val="5"/>
        </w:numPr>
        <w:spacing w:before="320" w:after="240" w:line="252" w:lineRule="auto"/>
        <w:ind w:left="426"/>
        <w:jc w:val="both"/>
        <w:rPr>
          <w:rFonts w:asciiTheme="majorHAnsi" w:eastAsia="Times New Roman" w:hAnsiTheme="majorHAnsi" w:cs="Arial"/>
          <w:b w:val="0"/>
        </w:rPr>
      </w:pPr>
      <w:bookmarkStart w:id="1" w:name="_Toc455498687"/>
      <w:r w:rsidRPr="005E7A22">
        <w:rPr>
          <w:rFonts w:asciiTheme="majorHAnsi" w:eastAsia="Times New Roman" w:hAnsiTheme="majorHAnsi" w:cs="Arial"/>
        </w:rPr>
        <w:t>Validation</w:t>
      </w:r>
      <w:bookmarkEnd w:id="1"/>
      <w:r w:rsidRPr="005E7A22">
        <w:rPr>
          <w:rFonts w:asciiTheme="majorHAnsi" w:eastAsia="Times New Roman" w:hAnsiTheme="majorHAnsi" w:cs="Arial"/>
        </w:rPr>
        <w:t xml:space="preserve">  </w:t>
      </w:r>
    </w:p>
    <w:p w14:paraId="39E86A07" w14:textId="6F452305" w:rsidR="005E7A22" w:rsidRPr="005E7A22" w:rsidRDefault="005E7A22" w:rsidP="005E7A22">
      <w:pPr>
        <w:rPr>
          <w:rFonts w:asciiTheme="majorHAnsi" w:hAnsiTheme="majorHAnsi"/>
        </w:rPr>
      </w:pPr>
      <w:r w:rsidRPr="005E7A22">
        <w:rPr>
          <w:rFonts w:asciiTheme="majorHAnsi" w:hAnsiTheme="majorHAnsi"/>
        </w:rPr>
        <w:t xml:space="preserve">Validation of primary results presented in this report were conducted by </w:t>
      </w:r>
      <w:r w:rsidR="00DE2848" w:rsidRPr="00DE2848">
        <w:rPr>
          <w:rFonts w:asciiTheme="majorHAnsi" w:hAnsiTheme="majorHAnsi"/>
        </w:rPr>
        <w:t>Angela Casbard</w:t>
      </w:r>
      <w:r w:rsidRPr="005E7A22">
        <w:rPr>
          <w:rFonts w:asciiTheme="majorHAnsi" w:hAnsiTheme="majorHAnsi"/>
        </w:rPr>
        <w:t xml:space="preserve"> </w:t>
      </w:r>
    </w:p>
    <w:p w14:paraId="434329A3" w14:textId="6AA43C2D" w:rsidR="005E7A22" w:rsidRPr="005E7A22" w:rsidRDefault="005E7A22" w:rsidP="005E7A22">
      <w:pPr>
        <w:rPr>
          <w:rFonts w:asciiTheme="majorHAnsi" w:hAnsiTheme="majorHAnsi"/>
        </w:rPr>
      </w:pPr>
      <w:r w:rsidRPr="005E7A22">
        <w:rPr>
          <w:rFonts w:asciiTheme="majorHAnsi" w:hAnsiTheme="majorHAnsi"/>
        </w:rPr>
        <w:t xml:space="preserve">All results/major endpoints/primary endpoint </w:t>
      </w:r>
      <w:proofErr w:type="gramStart"/>
      <w:r w:rsidRPr="005E7A22">
        <w:rPr>
          <w:rFonts w:asciiTheme="majorHAnsi" w:hAnsiTheme="majorHAnsi"/>
        </w:rPr>
        <w:t>were</w:t>
      </w:r>
      <w:proofErr w:type="gramEnd"/>
      <w:r w:rsidRPr="005E7A22">
        <w:rPr>
          <w:rFonts w:asciiTheme="majorHAnsi" w:hAnsiTheme="majorHAnsi"/>
        </w:rPr>
        <w:t xml:space="preserve"> validated by independent programming </w:t>
      </w:r>
      <w:r w:rsidRPr="00B04CC8">
        <w:rPr>
          <w:rFonts w:asciiTheme="majorHAnsi" w:hAnsiTheme="majorHAnsi"/>
        </w:rPr>
        <w:t xml:space="preserve">using </w:t>
      </w:r>
      <w:r w:rsidR="009F6C05" w:rsidRPr="00ED6A4E">
        <w:rPr>
          <w:rFonts w:asciiTheme="majorHAnsi" w:hAnsiTheme="majorHAnsi"/>
        </w:rPr>
        <w:t xml:space="preserve">STATA16. </w:t>
      </w:r>
      <w:r w:rsidRPr="00ED6A4E">
        <w:rPr>
          <w:rFonts w:asciiTheme="majorHAnsi" w:hAnsiTheme="majorHAnsi"/>
        </w:rPr>
        <w:t xml:space="preserve"> </w:t>
      </w:r>
      <w:r w:rsidRPr="005E7A22">
        <w:rPr>
          <w:rFonts w:asciiTheme="majorHAnsi" w:hAnsiTheme="majorHAnsi"/>
        </w:rPr>
        <w:t>Results from output were checked for transcription errors. Further details of validation including validation programs are save</w:t>
      </w:r>
      <w:r w:rsidRPr="00ED6A4E">
        <w:rPr>
          <w:rFonts w:asciiTheme="majorHAnsi" w:hAnsiTheme="majorHAnsi"/>
        </w:rPr>
        <w:t xml:space="preserve">d in: </w:t>
      </w:r>
      <w:hyperlink r:id="rId9" w:tgtFrame="_blank" w:history="1">
        <w:r w:rsidR="00B04CC8" w:rsidRPr="00512DF0">
          <w:rPr>
            <w:rStyle w:val="Hyperlink"/>
            <w:rFonts w:ascii="Calibri" w:hAnsi="Calibri" w:cs="Calibri"/>
            <w:color w:val="auto"/>
            <w:sz w:val="22"/>
            <w:szCs w:val="22"/>
            <w:bdr w:val="none" w:sz="0" w:space="0" w:color="auto" w:frame="1"/>
            <w:shd w:val="clear" w:color="auto" w:fill="FFFFFF"/>
          </w:rPr>
          <w:t>S:\Centre for Trials Research\Research\Cancer\WCTU\Trials\WCTU Trials\PIN\15 Analysis\20190222 Final analysis\Final analysis documentation\QC checks</w:t>
        </w:r>
      </w:hyperlink>
      <w:r w:rsidR="00ED6A4E" w:rsidRPr="00ED6A4E">
        <w:rPr>
          <w:rFonts w:asciiTheme="majorHAnsi" w:hAnsiTheme="majorHAnsi"/>
        </w:rPr>
        <w:t>.</w:t>
      </w:r>
    </w:p>
    <w:p w14:paraId="3C5965B3" w14:textId="77777777" w:rsidR="005E7A22" w:rsidRPr="005E7A22" w:rsidRDefault="005E7A22" w:rsidP="005E7A22">
      <w:pPr>
        <w:rPr>
          <w:rFonts w:asciiTheme="majorHAnsi" w:hAnsiTheme="majorHAnsi"/>
        </w:rPr>
      </w:pPr>
    </w:p>
    <w:p w14:paraId="4C9F55EC" w14:textId="77777777" w:rsidR="005E7A22" w:rsidRPr="005E7A22" w:rsidRDefault="005E7A22" w:rsidP="005E7A22">
      <w:pPr>
        <w:rPr>
          <w:rFonts w:asciiTheme="majorHAnsi" w:hAnsiTheme="majorHAnsi"/>
          <w:b/>
        </w:rPr>
      </w:pPr>
      <w:r w:rsidRPr="005E7A22">
        <w:rPr>
          <w:rFonts w:asciiTheme="majorHAnsi" w:hAnsiTheme="majorHAnsi"/>
          <w:b/>
        </w:rPr>
        <w:t xml:space="preserve">Software employed </w:t>
      </w:r>
    </w:p>
    <w:p w14:paraId="59FE01F6" w14:textId="390E3D35" w:rsidR="005E7A22" w:rsidRPr="005E7A22" w:rsidRDefault="005E7A22" w:rsidP="00710B0E">
      <w:pPr>
        <w:rPr>
          <w:rFonts w:asciiTheme="majorHAnsi" w:hAnsiTheme="majorHAnsi"/>
        </w:rPr>
      </w:pPr>
      <w:r w:rsidRPr="005E7A22">
        <w:rPr>
          <w:rFonts w:asciiTheme="majorHAnsi" w:hAnsiTheme="majorHAnsi"/>
        </w:rPr>
        <w:t xml:space="preserve">The analysis was carried out </w:t>
      </w:r>
      <w:proofErr w:type="gramStart"/>
      <w:r w:rsidRPr="005E7A22">
        <w:rPr>
          <w:rFonts w:asciiTheme="majorHAnsi" w:hAnsiTheme="majorHAnsi"/>
        </w:rPr>
        <w:t xml:space="preserve">using </w:t>
      </w:r>
      <w:r w:rsidR="00710B0E">
        <w:rPr>
          <w:rFonts w:asciiTheme="majorHAnsi" w:hAnsiTheme="majorHAnsi"/>
        </w:rPr>
        <w:t xml:space="preserve"> STATA</w:t>
      </w:r>
      <w:proofErr w:type="gramEnd"/>
      <w:r w:rsidR="00710B0E">
        <w:rPr>
          <w:rFonts w:asciiTheme="majorHAnsi" w:hAnsiTheme="majorHAnsi"/>
        </w:rPr>
        <w:t xml:space="preserve"> </w:t>
      </w:r>
      <w:r w:rsidR="009F6C05">
        <w:rPr>
          <w:rFonts w:asciiTheme="majorHAnsi" w:hAnsiTheme="majorHAnsi"/>
        </w:rPr>
        <w:t xml:space="preserve">16 </w:t>
      </w:r>
      <w:r w:rsidR="00710B0E">
        <w:rPr>
          <w:rFonts w:asciiTheme="majorHAnsi" w:hAnsiTheme="majorHAnsi"/>
        </w:rPr>
        <w:t>SE (</w:t>
      </w:r>
      <w:proofErr w:type="spellStart"/>
      <w:r w:rsidR="00710B0E" w:rsidRPr="00710B0E">
        <w:rPr>
          <w:rFonts w:asciiTheme="majorHAnsi" w:hAnsiTheme="majorHAnsi"/>
        </w:rPr>
        <w:t>StataCorp</w:t>
      </w:r>
      <w:proofErr w:type="spellEnd"/>
      <w:r w:rsidR="00710B0E">
        <w:rPr>
          <w:rFonts w:asciiTheme="majorHAnsi" w:hAnsiTheme="majorHAnsi"/>
        </w:rPr>
        <w:t xml:space="preserve">, </w:t>
      </w:r>
      <w:r w:rsidR="00710B0E" w:rsidRPr="00710B0E">
        <w:rPr>
          <w:rFonts w:asciiTheme="majorHAnsi" w:hAnsiTheme="majorHAnsi"/>
        </w:rPr>
        <w:t>4905 Lakeway Drive</w:t>
      </w:r>
      <w:r w:rsidR="00710B0E">
        <w:rPr>
          <w:rFonts w:asciiTheme="majorHAnsi" w:hAnsiTheme="majorHAnsi"/>
        </w:rPr>
        <w:t xml:space="preserve">, </w:t>
      </w:r>
      <w:r w:rsidR="00710B0E" w:rsidRPr="00710B0E">
        <w:rPr>
          <w:rFonts w:asciiTheme="majorHAnsi" w:hAnsiTheme="majorHAnsi"/>
        </w:rPr>
        <w:t>College Station, Texas 77845 USA</w:t>
      </w:r>
      <w:r w:rsidR="00710B0E">
        <w:rPr>
          <w:rFonts w:asciiTheme="majorHAnsi" w:hAnsiTheme="majorHAnsi"/>
        </w:rPr>
        <w:t>)</w:t>
      </w:r>
    </w:p>
    <w:p w14:paraId="5CBC4DC4" w14:textId="78F7EAF7" w:rsidR="005E7A22" w:rsidRPr="003713EF" w:rsidRDefault="005E7A22" w:rsidP="005E7A22">
      <w:pPr>
        <w:pStyle w:val="Default"/>
        <w:spacing w:line="276" w:lineRule="auto"/>
        <w:rPr>
          <w:rFonts w:asciiTheme="majorHAnsi" w:hAnsiTheme="majorHAnsi"/>
          <w:sz w:val="22"/>
          <w:szCs w:val="22"/>
        </w:rPr>
      </w:pPr>
    </w:p>
    <w:p w14:paraId="3F004B71" w14:textId="77777777" w:rsidR="005E7A22" w:rsidRDefault="005E7A22" w:rsidP="005E7A22">
      <w:pPr>
        <w:pStyle w:val="Default"/>
        <w:spacing w:line="276" w:lineRule="auto"/>
        <w:rPr>
          <w:rFonts w:asciiTheme="majorHAnsi" w:hAnsiTheme="majorHAnsi"/>
          <w:sz w:val="22"/>
          <w:szCs w:val="22"/>
        </w:rPr>
      </w:pPr>
    </w:p>
    <w:p w14:paraId="095B15D5" w14:textId="77777777" w:rsidR="005E7A22" w:rsidRDefault="005E7A22" w:rsidP="005E7A22">
      <w:pPr>
        <w:pStyle w:val="Default"/>
        <w:spacing w:line="276" w:lineRule="auto"/>
        <w:rPr>
          <w:rFonts w:asciiTheme="majorHAnsi" w:hAnsiTheme="majorHAnsi"/>
          <w:sz w:val="22"/>
          <w:szCs w:val="22"/>
        </w:rPr>
      </w:pPr>
    </w:p>
    <w:p w14:paraId="3FD6EF8E" w14:textId="77777777" w:rsidR="005E7A22" w:rsidRDefault="005E7A22" w:rsidP="005E7A22">
      <w:pPr>
        <w:pStyle w:val="Default"/>
        <w:spacing w:line="276" w:lineRule="auto"/>
        <w:rPr>
          <w:rFonts w:asciiTheme="majorHAnsi" w:hAnsiTheme="majorHAnsi"/>
          <w:sz w:val="22"/>
          <w:szCs w:val="22"/>
        </w:rPr>
      </w:pPr>
    </w:p>
    <w:p w14:paraId="42A7AA3E" w14:textId="36B41961" w:rsidR="005E7A22" w:rsidRDefault="00296A30" w:rsidP="00644427">
      <w:pPr>
        <w:pStyle w:val="Heading1"/>
        <w:numPr>
          <w:ilvl w:val="0"/>
          <w:numId w:val="5"/>
        </w:numPr>
        <w:spacing w:before="320" w:after="240" w:line="252" w:lineRule="auto"/>
        <w:ind w:left="426"/>
        <w:jc w:val="both"/>
        <w:rPr>
          <w:rFonts w:asciiTheme="majorHAnsi" w:eastAsia="Times New Roman" w:hAnsiTheme="majorHAnsi" w:cs="Arial"/>
          <w:b w:val="0"/>
        </w:rPr>
      </w:pPr>
      <w:bookmarkStart w:id="2" w:name="_Toc455498688"/>
      <w:r>
        <w:rPr>
          <w:rFonts w:asciiTheme="majorHAnsi" w:eastAsia="Times New Roman" w:hAnsiTheme="majorHAnsi" w:cs="Arial"/>
        </w:rPr>
        <w:lastRenderedPageBreak/>
        <w:t>Results</w:t>
      </w:r>
      <w:bookmarkEnd w:id="2"/>
    </w:p>
    <w:p w14:paraId="0D0B3874" w14:textId="1925B590" w:rsidR="00296A30" w:rsidRDefault="006E387F" w:rsidP="00644427">
      <w:pPr>
        <w:pStyle w:val="Heading1"/>
        <w:numPr>
          <w:ilvl w:val="1"/>
          <w:numId w:val="5"/>
        </w:numPr>
        <w:spacing w:before="320" w:after="240" w:line="252" w:lineRule="auto"/>
        <w:jc w:val="both"/>
      </w:pPr>
      <w:bookmarkStart w:id="3" w:name="_Toc455498689"/>
      <w:bookmarkStart w:id="4" w:name="_Toc453338261"/>
      <w:r>
        <w:t>TRIAL/</w:t>
      </w:r>
      <w:r w:rsidR="00296A30">
        <w:t xml:space="preserve">STUDY SAMPLE AND </w:t>
      </w:r>
      <w:r>
        <w:t xml:space="preserve">PARTICIPANT </w:t>
      </w:r>
      <w:r w:rsidR="00296A30">
        <w:t>THROUGHPUT</w:t>
      </w:r>
      <w:bookmarkEnd w:id="3"/>
    </w:p>
    <w:p w14:paraId="732A5DB1" w14:textId="41AE91D0" w:rsidR="00296A30" w:rsidRPr="007C436B" w:rsidRDefault="00296A30" w:rsidP="00296A30">
      <w:r w:rsidRPr="007C436B">
        <w:t xml:space="preserve">SCREENING / </w:t>
      </w:r>
      <w:bookmarkStart w:id="5" w:name="_Toc453338262"/>
      <w:r w:rsidRPr="007C436B">
        <w:t>ELIGIBILITY</w:t>
      </w:r>
      <w:bookmarkStart w:id="6" w:name="_Toc453338263"/>
      <w:bookmarkEnd w:id="5"/>
      <w:r w:rsidRPr="007C436B">
        <w:t>/ RECRUITMENT</w:t>
      </w:r>
      <w:bookmarkEnd w:id="6"/>
      <w:r w:rsidR="007C436B" w:rsidRPr="007C436B">
        <w:t>- See Figure 1</w:t>
      </w:r>
    </w:p>
    <w:p w14:paraId="70A59AA9" w14:textId="04FF784C" w:rsidR="00296A30" w:rsidRDefault="00296A30" w:rsidP="00644427">
      <w:pPr>
        <w:pStyle w:val="Heading1"/>
        <w:numPr>
          <w:ilvl w:val="1"/>
          <w:numId w:val="5"/>
        </w:numPr>
        <w:spacing w:before="320" w:after="240" w:line="252" w:lineRule="auto"/>
        <w:jc w:val="both"/>
      </w:pPr>
      <w:bookmarkStart w:id="7" w:name="_Toc455498690"/>
      <w:bookmarkStart w:id="8" w:name="_Toc453338264"/>
      <w:bookmarkEnd w:id="4"/>
      <w:r>
        <w:t>RECRUITMENT</w:t>
      </w:r>
      <w:bookmarkEnd w:id="7"/>
      <w:r w:rsidR="007C436B">
        <w:t>-</w:t>
      </w:r>
      <w:r w:rsidR="007C436B" w:rsidRPr="007C436B">
        <w:rPr>
          <w:rFonts w:ascii="Calibri" w:hAnsi="Calibri" w:cs="Calibri"/>
          <w:b w:val="0"/>
          <w:bCs w:val="0"/>
          <w:sz w:val="24"/>
          <w:szCs w:val="24"/>
        </w:rPr>
        <w:t>See Figure 1</w:t>
      </w:r>
    </w:p>
    <w:p w14:paraId="5F84F467" w14:textId="5957282E" w:rsidR="00034387" w:rsidRDefault="00034387" w:rsidP="00644427">
      <w:pPr>
        <w:pStyle w:val="Heading1"/>
        <w:numPr>
          <w:ilvl w:val="1"/>
          <w:numId w:val="5"/>
        </w:numPr>
        <w:spacing w:before="320" w:after="240" w:line="252" w:lineRule="auto"/>
        <w:jc w:val="both"/>
      </w:pPr>
      <w:bookmarkStart w:id="9" w:name="_Toc455498691"/>
      <w:r w:rsidRPr="00034387">
        <w:t>WITHDRAWAL/FOLLOW UP</w:t>
      </w:r>
      <w:bookmarkEnd w:id="8"/>
      <w:bookmarkEnd w:id="9"/>
      <w:r w:rsidR="007C436B">
        <w:t>-</w:t>
      </w:r>
      <w:r w:rsidR="007C436B" w:rsidRPr="007C436B">
        <w:rPr>
          <w:rFonts w:ascii="Calibri" w:hAnsi="Calibri" w:cs="Calibri"/>
          <w:b w:val="0"/>
          <w:bCs w:val="0"/>
          <w:sz w:val="24"/>
          <w:szCs w:val="24"/>
        </w:rPr>
        <w:t xml:space="preserve"> See Figure 1</w:t>
      </w:r>
    </w:p>
    <w:p w14:paraId="26D3DED7" w14:textId="2A214159" w:rsidR="009E232D" w:rsidRDefault="00034387" w:rsidP="00644427">
      <w:pPr>
        <w:pStyle w:val="Heading1"/>
        <w:numPr>
          <w:ilvl w:val="1"/>
          <w:numId w:val="5"/>
        </w:numPr>
        <w:spacing w:before="320" w:after="240" w:line="252" w:lineRule="auto"/>
        <w:jc w:val="both"/>
      </w:pPr>
      <w:bookmarkStart w:id="10" w:name="_Toc453338269"/>
      <w:bookmarkStart w:id="11" w:name="_Toc455498692"/>
      <w:r w:rsidRPr="00034387">
        <w:t>BASELINE CHARACTERISTICS</w:t>
      </w:r>
      <w:bookmarkEnd w:id="10"/>
      <w:r w:rsidR="00296A30">
        <w:t xml:space="preserve"> OF</w:t>
      </w:r>
      <w:r w:rsidR="00296A30" w:rsidRPr="00296A30">
        <w:t xml:space="preserve"> </w:t>
      </w:r>
      <w:r w:rsidR="00296A30" w:rsidRPr="00034387">
        <w:t>PARTIC</w:t>
      </w:r>
      <w:r w:rsidR="00296A30">
        <w:t>I</w:t>
      </w:r>
      <w:r w:rsidR="00296A30" w:rsidRPr="00034387">
        <w:t>PANT</w:t>
      </w:r>
      <w:bookmarkEnd w:id="11"/>
    </w:p>
    <w:p w14:paraId="45FD82D3" w14:textId="63691B87" w:rsidR="009E232D" w:rsidRPr="009E232D" w:rsidRDefault="00471840" w:rsidP="009E232D">
      <w:r>
        <w:t>See Table 1</w:t>
      </w:r>
      <w:r w:rsidR="007C436B">
        <w:t xml:space="preserve"> and Table 2</w:t>
      </w:r>
    </w:p>
    <w:p w14:paraId="5DC49D6F" w14:textId="4F40D514" w:rsidR="00034387" w:rsidRDefault="00296A30" w:rsidP="00644427">
      <w:pPr>
        <w:pStyle w:val="Heading1"/>
        <w:numPr>
          <w:ilvl w:val="0"/>
          <w:numId w:val="5"/>
        </w:numPr>
        <w:spacing w:before="320" w:after="240" w:line="252" w:lineRule="auto"/>
        <w:ind w:left="426"/>
        <w:jc w:val="both"/>
        <w:rPr>
          <w:rFonts w:ascii="Calibri" w:hAnsi="Calibri" w:cs="Calibri"/>
        </w:rPr>
      </w:pPr>
      <w:bookmarkStart w:id="12" w:name="_Toc455498693"/>
      <w:r w:rsidRPr="00296A30">
        <w:rPr>
          <w:rFonts w:asciiTheme="majorHAnsi" w:eastAsia="Times New Roman" w:hAnsiTheme="majorHAnsi" w:cs="Arial"/>
        </w:rPr>
        <w:t>Analysis</w:t>
      </w:r>
      <w:bookmarkEnd w:id="12"/>
    </w:p>
    <w:p w14:paraId="42A6E955" w14:textId="58E1716E" w:rsidR="00034387" w:rsidRDefault="00034387" w:rsidP="00644427">
      <w:pPr>
        <w:pStyle w:val="Heading1"/>
        <w:numPr>
          <w:ilvl w:val="1"/>
          <w:numId w:val="5"/>
        </w:numPr>
        <w:spacing w:before="320" w:after="240" w:line="252" w:lineRule="auto"/>
        <w:jc w:val="both"/>
      </w:pPr>
      <w:bookmarkStart w:id="13" w:name="_Toc455498694"/>
      <w:bookmarkStart w:id="14" w:name="_Toc453338274"/>
      <w:r w:rsidRPr="00034387">
        <w:t xml:space="preserve">PRIMARY </w:t>
      </w:r>
      <w:r w:rsidR="0047469A">
        <w:t>OUTCOME</w:t>
      </w:r>
      <w:bookmarkEnd w:id="13"/>
      <w:r w:rsidR="00296A30">
        <w:t xml:space="preserve"> </w:t>
      </w:r>
      <w:bookmarkEnd w:id="14"/>
    </w:p>
    <w:p w14:paraId="70F5DD45" w14:textId="59EE6574" w:rsidR="00296A30" w:rsidRDefault="00296A30" w:rsidP="00644427">
      <w:pPr>
        <w:pStyle w:val="Heading1"/>
        <w:numPr>
          <w:ilvl w:val="2"/>
          <w:numId w:val="5"/>
        </w:numPr>
        <w:spacing w:before="320" w:after="240" w:line="252" w:lineRule="auto"/>
        <w:jc w:val="both"/>
      </w:pPr>
      <w:bookmarkStart w:id="15" w:name="_Toc455498695"/>
      <w:r>
        <w:t xml:space="preserve">Primary </w:t>
      </w:r>
      <w:r w:rsidR="0047469A">
        <w:t>analysis</w:t>
      </w:r>
      <w:bookmarkEnd w:id="15"/>
      <w:r>
        <w:t xml:space="preserve"> </w:t>
      </w:r>
      <w:r w:rsidR="007C436B">
        <w:t>-</w:t>
      </w:r>
      <w:r w:rsidR="007C436B" w:rsidRPr="007C436B">
        <w:rPr>
          <w:rFonts w:ascii="Calibri" w:hAnsi="Calibri" w:cs="Calibri"/>
          <w:b w:val="0"/>
          <w:bCs w:val="0"/>
          <w:sz w:val="24"/>
          <w:szCs w:val="24"/>
        </w:rPr>
        <w:t>See Figure 2 and Table13</w:t>
      </w:r>
    </w:p>
    <w:p w14:paraId="50523EE4" w14:textId="44D8A1C3" w:rsidR="00296A30" w:rsidRDefault="00296A30" w:rsidP="00644427">
      <w:pPr>
        <w:pStyle w:val="Heading1"/>
        <w:numPr>
          <w:ilvl w:val="2"/>
          <w:numId w:val="5"/>
        </w:numPr>
        <w:spacing w:before="320" w:after="240" w:line="252" w:lineRule="auto"/>
        <w:jc w:val="both"/>
      </w:pPr>
      <w:bookmarkStart w:id="16" w:name="_Toc455498696"/>
      <w:r>
        <w:t>Sub group analyses</w:t>
      </w:r>
      <w:bookmarkEnd w:id="16"/>
      <w:r w:rsidR="007C436B">
        <w:t>-NA</w:t>
      </w:r>
    </w:p>
    <w:p w14:paraId="7E438891" w14:textId="4CD53FE5" w:rsidR="00296A30" w:rsidRDefault="00296A30" w:rsidP="00644427">
      <w:pPr>
        <w:pStyle w:val="Heading1"/>
        <w:numPr>
          <w:ilvl w:val="2"/>
          <w:numId w:val="5"/>
        </w:numPr>
        <w:spacing w:before="320" w:after="240" w:line="252" w:lineRule="auto"/>
        <w:jc w:val="both"/>
      </w:pPr>
      <w:bookmarkStart w:id="17" w:name="_Toc455498697"/>
      <w:r>
        <w:t>Sensitivity analyses</w:t>
      </w:r>
      <w:bookmarkEnd w:id="17"/>
      <w:r w:rsidR="007C436B">
        <w:t>-NA</w:t>
      </w:r>
    </w:p>
    <w:p w14:paraId="2238AF62" w14:textId="2C010890" w:rsidR="00296A30" w:rsidRDefault="00296A30" w:rsidP="00644427">
      <w:pPr>
        <w:pStyle w:val="Heading1"/>
        <w:numPr>
          <w:ilvl w:val="2"/>
          <w:numId w:val="5"/>
        </w:numPr>
        <w:spacing w:before="320" w:after="240" w:line="252" w:lineRule="auto"/>
        <w:jc w:val="both"/>
      </w:pPr>
      <w:bookmarkStart w:id="18" w:name="_Toc455498698"/>
      <w:r>
        <w:t>Missing data</w:t>
      </w:r>
      <w:bookmarkEnd w:id="18"/>
      <w:r w:rsidR="007C436B">
        <w:t>-NA</w:t>
      </w:r>
    </w:p>
    <w:p w14:paraId="57EF1DDD" w14:textId="64911BC0" w:rsidR="0047469A" w:rsidRDefault="0047469A" w:rsidP="00644427">
      <w:pPr>
        <w:pStyle w:val="Heading1"/>
        <w:numPr>
          <w:ilvl w:val="2"/>
          <w:numId w:val="5"/>
        </w:numPr>
        <w:spacing w:before="320" w:after="240" w:line="252" w:lineRule="auto"/>
        <w:jc w:val="both"/>
      </w:pPr>
      <w:bookmarkStart w:id="19" w:name="_Toc455498699"/>
      <w:r>
        <w:t>Secondary analysis</w:t>
      </w:r>
      <w:bookmarkEnd w:id="19"/>
      <w:r w:rsidR="007C436B">
        <w:t>-</w:t>
      </w:r>
      <w:r w:rsidR="007C436B" w:rsidRPr="007C436B">
        <w:rPr>
          <w:rFonts w:ascii="Calibri" w:hAnsi="Calibri" w:cs="Calibri"/>
          <w:b w:val="0"/>
          <w:bCs w:val="0"/>
          <w:sz w:val="24"/>
          <w:szCs w:val="24"/>
        </w:rPr>
        <w:t>See Figure 2 and Table13</w:t>
      </w:r>
      <w:r>
        <w:t xml:space="preserve"> </w:t>
      </w:r>
    </w:p>
    <w:p w14:paraId="0F50018D" w14:textId="77777777" w:rsidR="00296A30" w:rsidRPr="00296A30" w:rsidRDefault="00296A30" w:rsidP="00296A30"/>
    <w:p w14:paraId="236B4ECE" w14:textId="6A27D683" w:rsidR="00034387" w:rsidRPr="00DE0DB0" w:rsidRDefault="00462119" w:rsidP="00644427">
      <w:pPr>
        <w:pStyle w:val="Heading1"/>
        <w:numPr>
          <w:ilvl w:val="1"/>
          <w:numId w:val="5"/>
        </w:numPr>
        <w:spacing w:before="320" w:after="240" w:line="252" w:lineRule="auto"/>
        <w:jc w:val="both"/>
        <w:rPr>
          <w:rFonts w:ascii="Calibri" w:hAnsi="Calibri" w:cs="Calibri"/>
          <w:b w:val="0"/>
          <w:bCs w:val="0"/>
          <w:sz w:val="24"/>
          <w:szCs w:val="24"/>
        </w:rPr>
      </w:pPr>
      <w:bookmarkStart w:id="20" w:name="_Toc453338276"/>
      <w:bookmarkStart w:id="21" w:name="_Toc455498700"/>
      <w:r>
        <w:t>SECON</w:t>
      </w:r>
      <w:r w:rsidR="00034387" w:rsidRPr="00034387">
        <w:t>D</w:t>
      </w:r>
      <w:r>
        <w:t>A</w:t>
      </w:r>
      <w:r w:rsidR="00034387" w:rsidRPr="00034387">
        <w:t xml:space="preserve">RY </w:t>
      </w:r>
      <w:bookmarkEnd w:id="20"/>
      <w:r w:rsidR="0047469A">
        <w:t>OUTCOMES</w:t>
      </w:r>
      <w:bookmarkEnd w:id="21"/>
      <w:r w:rsidR="007C436B">
        <w:t xml:space="preserve">-See </w:t>
      </w:r>
      <w:r w:rsidR="00DE0DB0" w:rsidRPr="00DE0DB0">
        <w:rPr>
          <w:rFonts w:ascii="Calibri" w:hAnsi="Calibri" w:cs="Calibri"/>
          <w:b w:val="0"/>
          <w:bCs w:val="0"/>
          <w:sz w:val="24"/>
          <w:szCs w:val="24"/>
        </w:rPr>
        <w:t xml:space="preserve">Figure 3 and </w:t>
      </w:r>
      <w:r w:rsidR="007C436B" w:rsidRPr="00DE0DB0">
        <w:rPr>
          <w:rFonts w:ascii="Calibri" w:hAnsi="Calibri" w:cs="Calibri"/>
          <w:b w:val="0"/>
          <w:bCs w:val="0"/>
          <w:sz w:val="24"/>
          <w:szCs w:val="24"/>
        </w:rPr>
        <w:t xml:space="preserve">Tables 3, </w:t>
      </w:r>
      <w:r w:rsidR="00224DD7" w:rsidRPr="00DE0DB0">
        <w:rPr>
          <w:rFonts w:ascii="Calibri" w:hAnsi="Calibri" w:cs="Calibri"/>
          <w:b w:val="0"/>
          <w:bCs w:val="0"/>
          <w:sz w:val="24"/>
          <w:szCs w:val="24"/>
        </w:rPr>
        <w:t xml:space="preserve">6, </w:t>
      </w:r>
      <w:r w:rsidR="007C436B" w:rsidRPr="00DE0DB0">
        <w:rPr>
          <w:rFonts w:ascii="Calibri" w:hAnsi="Calibri" w:cs="Calibri"/>
          <w:b w:val="0"/>
          <w:bCs w:val="0"/>
          <w:sz w:val="24"/>
          <w:szCs w:val="24"/>
        </w:rPr>
        <w:t>8, 9, 10, 12, 13</w:t>
      </w:r>
    </w:p>
    <w:p w14:paraId="31FD1B81" w14:textId="77777777" w:rsidR="0047469A" w:rsidRDefault="0047469A" w:rsidP="00644427">
      <w:pPr>
        <w:pStyle w:val="Heading1"/>
        <w:numPr>
          <w:ilvl w:val="2"/>
          <w:numId w:val="5"/>
        </w:numPr>
        <w:spacing w:before="320" w:after="240" w:line="252" w:lineRule="auto"/>
        <w:jc w:val="both"/>
      </w:pPr>
      <w:bookmarkStart w:id="22" w:name="_Toc455498701"/>
      <w:r>
        <w:t>Sub group analyses</w:t>
      </w:r>
      <w:bookmarkEnd w:id="22"/>
    </w:p>
    <w:p w14:paraId="5614ECD8" w14:textId="77777777" w:rsidR="0047469A" w:rsidRDefault="0047469A" w:rsidP="00644427">
      <w:pPr>
        <w:pStyle w:val="Heading1"/>
        <w:numPr>
          <w:ilvl w:val="2"/>
          <w:numId w:val="5"/>
        </w:numPr>
        <w:spacing w:before="320" w:after="240" w:line="252" w:lineRule="auto"/>
        <w:jc w:val="both"/>
      </w:pPr>
      <w:bookmarkStart w:id="23" w:name="_Toc455498702"/>
      <w:r>
        <w:t>Sensitivity analyses</w:t>
      </w:r>
      <w:bookmarkEnd w:id="23"/>
    </w:p>
    <w:p w14:paraId="7BCEF128" w14:textId="77777777" w:rsidR="0047469A" w:rsidRDefault="0047469A" w:rsidP="00644427">
      <w:pPr>
        <w:pStyle w:val="Heading1"/>
        <w:numPr>
          <w:ilvl w:val="2"/>
          <w:numId w:val="5"/>
        </w:numPr>
        <w:spacing w:before="320" w:after="240" w:line="252" w:lineRule="auto"/>
        <w:jc w:val="both"/>
      </w:pPr>
      <w:bookmarkStart w:id="24" w:name="_Toc455498703"/>
      <w:r>
        <w:t>Missing data</w:t>
      </w:r>
      <w:bookmarkEnd w:id="24"/>
    </w:p>
    <w:p w14:paraId="42076D69" w14:textId="77777777" w:rsidR="0047469A" w:rsidRPr="0047469A" w:rsidRDefault="0047469A" w:rsidP="0047469A"/>
    <w:p w14:paraId="5581FCB5" w14:textId="597E83FE" w:rsidR="00034387" w:rsidRDefault="00034387" w:rsidP="00644427">
      <w:pPr>
        <w:pStyle w:val="Heading1"/>
        <w:numPr>
          <w:ilvl w:val="1"/>
          <w:numId w:val="5"/>
        </w:numPr>
        <w:spacing w:before="320" w:after="240" w:line="252" w:lineRule="auto"/>
        <w:jc w:val="both"/>
      </w:pPr>
      <w:bookmarkStart w:id="25" w:name="_Toc453338287"/>
      <w:bookmarkStart w:id="26" w:name="_Toc455498704"/>
      <w:r w:rsidRPr="00034387">
        <w:lastRenderedPageBreak/>
        <w:t>ADDITIONAL ANALYSES</w:t>
      </w:r>
      <w:bookmarkEnd w:id="25"/>
      <w:bookmarkEnd w:id="26"/>
      <w:r w:rsidR="00224DD7">
        <w:t>-See Tables 4, 5, 7 and 14</w:t>
      </w:r>
    </w:p>
    <w:p w14:paraId="200BBDFB" w14:textId="77777777" w:rsidR="009E232D" w:rsidRPr="009E232D" w:rsidRDefault="009E232D" w:rsidP="009E232D"/>
    <w:p w14:paraId="76C88032" w14:textId="24188D5A" w:rsidR="00034387" w:rsidRDefault="00034387" w:rsidP="00644427">
      <w:pPr>
        <w:pStyle w:val="Heading1"/>
        <w:numPr>
          <w:ilvl w:val="1"/>
          <w:numId w:val="5"/>
        </w:numPr>
        <w:spacing w:before="320" w:after="240" w:line="252" w:lineRule="auto"/>
        <w:jc w:val="both"/>
      </w:pPr>
      <w:bookmarkStart w:id="27" w:name="_Toc453338288"/>
      <w:bookmarkStart w:id="28" w:name="_Toc455498705"/>
      <w:r w:rsidRPr="00034387">
        <w:t>HARMS</w:t>
      </w:r>
      <w:bookmarkEnd w:id="27"/>
      <w:r w:rsidR="0047469A">
        <w:t>/SAFETY ANALYSES</w:t>
      </w:r>
      <w:bookmarkEnd w:id="28"/>
      <w:r w:rsidR="00224DD7">
        <w:t>-See Tables 8, 9, 10, 15 and 16</w:t>
      </w:r>
    </w:p>
    <w:p w14:paraId="6E790724" w14:textId="77777777" w:rsidR="00296A30" w:rsidRPr="00296A30" w:rsidRDefault="00296A30" w:rsidP="00296A30"/>
    <w:p w14:paraId="3B6130E2" w14:textId="7456B44F" w:rsidR="004D5D51" w:rsidRDefault="0047469A" w:rsidP="00644427">
      <w:pPr>
        <w:pStyle w:val="Heading1"/>
        <w:numPr>
          <w:ilvl w:val="0"/>
          <w:numId w:val="5"/>
        </w:numPr>
        <w:spacing w:before="320" w:after="240" w:line="252" w:lineRule="auto"/>
        <w:ind w:left="426"/>
        <w:jc w:val="both"/>
        <w:rPr>
          <w:rFonts w:asciiTheme="majorHAnsi" w:eastAsia="Times New Roman" w:hAnsiTheme="majorHAnsi" w:cs="Arial"/>
        </w:rPr>
      </w:pPr>
      <w:bookmarkStart w:id="29" w:name="_Toc455498706"/>
      <w:r>
        <w:rPr>
          <w:rFonts w:asciiTheme="majorHAnsi" w:eastAsia="Times New Roman" w:hAnsiTheme="majorHAnsi" w:cs="Arial"/>
        </w:rPr>
        <w:t xml:space="preserve">DEVIATIONS FROM STATISTICAL </w:t>
      </w:r>
      <w:r w:rsidR="00BB1820">
        <w:rPr>
          <w:rFonts w:asciiTheme="majorHAnsi" w:eastAsia="Times New Roman" w:hAnsiTheme="majorHAnsi" w:cs="Arial"/>
        </w:rPr>
        <w:t xml:space="preserve">ANALYSIS </w:t>
      </w:r>
      <w:r>
        <w:rPr>
          <w:rFonts w:asciiTheme="majorHAnsi" w:eastAsia="Times New Roman" w:hAnsiTheme="majorHAnsi" w:cs="Arial"/>
        </w:rPr>
        <w:t>PLAN</w:t>
      </w:r>
      <w:bookmarkEnd w:id="29"/>
    </w:p>
    <w:p w14:paraId="3D504072" w14:textId="423BE342" w:rsidR="004C179C" w:rsidRPr="009F6C05" w:rsidRDefault="004C179C" w:rsidP="009F6C05">
      <w:r>
        <w:t>Sub-set analysis of overall survival in patients with squamous cell carcinoma and non-squamous cell carcinoma added (see Figures 3d and 3e).</w:t>
      </w:r>
    </w:p>
    <w:p w14:paraId="7D17DF7E" w14:textId="77777777" w:rsidR="00AA56CE" w:rsidRDefault="00AA56CE">
      <w:pPr>
        <w:rPr>
          <w:rFonts w:eastAsia="Times New Roman"/>
          <w:b/>
        </w:rPr>
      </w:pPr>
      <w:r>
        <w:rPr>
          <w:rFonts w:eastAsia="Times New Roman"/>
          <w:b/>
        </w:rPr>
        <w:br w:type="page"/>
      </w:r>
    </w:p>
    <w:p w14:paraId="557F3394" w14:textId="27FB68A5" w:rsidR="00196196" w:rsidRPr="00110DC3" w:rsidRDefault="003F0493">
      <w:pPr>
        <w:rPr>
          <w:sz w:val="16"/>
          <w:szCs w:val="16"/>
        </w:rPr>
      </w:pPr>
      <w:r>
        <w:rPr>
          <w:noProof/>
          <w:sz w:val="16"/>
          <w:szCs w:val="16"/>
        </w:rPr>
        <w:lastRenderedPageBreak/>
        <mc:AlternateContent>
          <mc:Choice Requires="wps">
            <w:drawing>
              <wp:anchor distT="0" distB="0" distL="114300" distR="114300" simplePos="0" relativeHeight="251731968" behindDoc="0" locked="0" layoutInCell="1" allowOverlap="1" wp14:anchorId="1839803E" wp14:editId="71F01A78">
                <wp:simplePos x="0" y="0"/>
                <wp:positionH relativeFrom="column">
                  <wp:posOffset>3709670</wp:posOffset>
                </wp:positionH>
                <wp:positionV relativeFrom="paragraph">
                  <wp:posOffset>105410</wp:posOffset>
                </wp:positionV>
                <wp:extent cx="180975" cy="0"/>
                <wp:effectExtent l="0" t="76200" r="9525" b="95250"/>
                <wp:wrapNone/>
                <wp:docPr id="8" name="Straight Arrow Connector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80975" cy="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type w14:anchorId="1BD32D12" id="_x0000_t32" coordsize="21600,21600" o:spt="32" o:oned="t" path="m,l21600,21600e" filled="f">
                <v:path arrowok="t" fillok="f" o:connecttype="none"/>
                <o:lock v:ext="edit" shapetype="t"/>
              </v:shapetype>
              <v:shape id="Straight Arrow Connector 8" o:spid="_x0000_s1026" type="#_x0000_t32" style="position:absolute;margin-left:292.1pt;margin-top:8.3pt;width:14.25pt;height:0;z-index:25173196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" strokecolor="black [3040]">
                <v:stroke endarrow="block"/>
              </v:shape>
            </w:pict>
          </mc:Fallback>
        </mc:AlternateContent>
      </w:r>
      <w:r w:rsidR="00EF397C" w:rsidRPr="00110DC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714560" behindDoc="0" locked="0" layoutInCell="1" allowOverlap="1" wp14:anchorId="7EA507FE" wp14:editId="4C7D93D9">
                <wp:simplePos x="0" y="0"/>
                <wp:positionH relativeFrom="column">
                  <wp:posOffset>3890645</wp:posOffset>
                </wp:positionH>
                <wp:positionV relativeFrom="paragraph">
                  <wp:posOffset>-120650</wp:posOffset>
                </wp:positionV>
                <wp:extent cx="1725757" cy="352425"/>
                <wp:effectExtent l="0" t="0" r="27305" b="28575"/>
                <wp:wrapNone/>
                <wp:docPr id="326" name="Text Box 32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725757" cy="35242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4056D426" w14:textId="77777777" w:rsidR="00EE797C" w:rsidRPr="00F336CE" w:rsidRDefault="00EE797C" w:rsidP="003035BD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Excluded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678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  <w:p w14:paraId="5E159483" w14:textId="77777777" w:rsidR="00EE797C" w:rsidRPr="005D5BD9" w:rsidRDefault="00EE797C" w:rsidP="003035BD">
                            <w:pPr>
                              <w:pStyle w:val="NoSpacing"/>
                              <w:ind w:left="180"/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Not eligible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678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7EA507FE" id="_x0000_t202" coordsize="21600,21600" o:spt="202" path="m,l,21600r21600,l21600,xe">
                <v:stroke joinstyle="miter"/>
                <v:path gradientshapeok="t" o:connecttype="rect"/>
              </v:shapetype>
              <v:shape id="Text Box 326" o:spid="_x0000_s1026" type="#_x0000_t202" style="position:absolute;margin-left:306.35pt;margin-top:-9.5pt;width:135.9pt;height:27.75pt;z-index:2517145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" fillcolor="white [3201]" strokeweight=".5pt">
                <v:textbox>
                  <w:txbxContent>
                    <w:p w14:paraId="4056D426" w14:textId="77777777" w:rsidR="00EE797C" w:rsidRPr="00F336CE" w:rsidRDefault="00EE797C" w:rsidP="003035BD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Excluded (n=</w:t>
                      </w:r>
                      <w:r>
                        <w:rPr>
                          <w:sz w:val="16"/>
                          <w:szCs w:val="16"/>
                        </w:rPr>
                        <w:t>678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  <w:p w14:paraId="5E159483" w14:textId="77777777" w:rsidR="00EE797C" w:rsidRPr="005D5BD9" w:rsidRDefault="00EE797C" w:rsidP="003035BD">
                      <w:pPr>
                        <w:pStyle w:val="NoSpacing"/>
                        <w:ind w:left="180"/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Not eligible (n=</w:t>
                      </w:r>
                      <w:r>
                        <w:rPr>
                          <w:sz w:val="16"/>
                          <w:szCs w:val="16"/>
                        </w:rPr>
                        <w:t>678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</w:txbxContent>
                </v:textbox>
              </v:shape>
            </w:pict>
          </mc:Fallback>
        </mc:AlternateContent>
      </w:r>
      <w:r w:rsidR="00EF397C" w:rsidRPr="00110DC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367AC00F" wp14:editId="23E3D638">
                <wp:simplePos x="0" y="0"/>
                <wp:positionH relativeFrom="column">
                  <wp:posOffset>1766570</wp:posOffset>
                </wp:positionH>
                <wp:positionV relativeFrom="paragraph">
                  <wp:posOffset>-123190</wp:posOffset>
                </wp:positionV>
                <wp:extent cx="1942465" cy="345440"/>
                <wp:effectExtent l="0" t="0" r="19685" b="16510"/>
                <wp:wrapNone/>
                <wp:docPr id="339" name="Text Box 33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942465" cy="34544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1B157F22" w14:textId="77777777" w:rsidR="00EE797C" w:rsidRPr="00F336CE" w:rsidRDefault="00EE797C" w:rsidP="003035BD">
                            <w:pPr>
                              <w:jc w:val="center"/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Assessed for eligibility for pre-induction chemotherapy registration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940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67AC00F" id="Text Box 339" o:spid="_x0000_s1027" type="#_x0000_t202" style="position:absolute;margin-left:139.1pt;margin-top:-9.7pt;width:152.95pt;height:27.2pt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" fillcolor="white [3201]" strokeweight=".5pt">
                <v:textbox>
                  <w:txbxContent>
                    <w:p w14:paraId="1B157F22" w14:textId="77777777" w:rsidR="00EE797C" w:rsidRPr="00F336CE" w:rsidRDefault="00EE797C" w:rsidP="003035BD">
                      <w:pPr>
                        <w:jc w:val="center"/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Assessed for eligibility for pre-induction chemotherapy registration (n=</w:t>
                      </w:r>
                      <w:r>
                        <w:rPr>
                          <w:sz w:val="16"/>
                          <w:szCs w:val="16"/>
                        </w:rPr>
                        <w:t>940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</w:txbxContent>
                </v:textbox>
              </v:shape>
            </w:pict>
          </mc:Fallback>
        </mc:AlternateContent>
      </w:r>
    </w:p>
    <w:p w14:paraId="7D4D014D" w14:textId="17ABACB3" w:rsidR="00AB3D17" w:rsidRDefault="00327036" w:rsidP="00AB3D17">
      <w:pPr>
        <w:keepNext/>
      </w:pPr>
      <w:r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79744" behindDoc="0" locked="0" layoutInCell="1" allowOverlap="1" wp14:anchorId="14920657" wp14:editId="7DE3C382">
                <wp:simplePos x="0" y="0"/>
                <wp:positionH relativeFrom="column">
                  <wp:posOffset>2733675</wp:posOffset>
                </wp:positionH>
                <wp:positionV relativeFrom="paragraph">
                  <wp:posOffset>94615</wp:posOffset>
                </wp:positionV>
                <wp:extent cx="0" cy="371475"/>
                <wp:effectExtent l="76200" t="0" r="76200" b="47625"/>
                <wp:wrapNone/>
                <wp:docPr id="338" name="Straight Arrow Connector 33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0" cy="371475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A0EB41C" id="Straight Arrow Connector 338" o:spid="_x0000_s1026" type="#_x0000_t32" style="position:absolute;margin-left:215.25pt;margin-top:7.45pt;width:0;height:29.25pt;z-index:2516797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" strokecolor="black [3040]">
                <v:stroke endarrow="block"/>
              </v:shape>
            </w:pict>
          </mc:Fallback>
        </mc:AlternateContent>
      </w:r>
    </w:p>
    <w:p w14:paraId="78ED5209" w14:textId="7EA31016" w:rsidR="00196196" w:rsidRDefault="003F0493" w:rsidP="00AB3D17">
      <w:pPr>
        <w:pStyle w:val="Caption"/>
      </w:pPr>
      <w:r w:rsidRPr="00110DC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713536" behindDoc="0" locked="0" layoutInCell="1" allowOverlap="1" wp14:anchorId="0E98B6C7" wp14:editId="40DADB9B">
                <wp:simplePos x="0" y="0"/>
                <wp:positionH relativeFrom="column">
                  <wp:posOffset>3889375</wp:posOffset>
                </wp:positionH>
                <wp:positionV relativeFrom="paragraph">
                  <wp:posOffset>19685</wp:posOffset>
                </wp:positionV>
                <wp:extent cx="1723390" cy="1149985"/>
                <wp:effectExtent l="0" t="0" r="10160" b="12065"/>
                <wp:wrapNone/>
                <wp:docPr id="22" name="Text Box 2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723390" cy="114998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7CEF5634" w14:textId="77777777" w:rsidR="00EE797C" w:rsidRPr="00F336CE" w:rsidRDefault="00EE797C" w:rsidP="003035BD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Did not complete induction chemotherapy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38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  <w:p w14:paraId="04CB0952" w14:textId="77777777" w:rsidR="00EE797C" w:rsidRPr="00D95969" w:rsidRDefault="00EE797C" w:rsidP="00DB7731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D95969">
                              <w:rPr>
                                <w:sz w:val="14"/>
                                <w:szCs w:val="14"/>
                              </w:rPr>
                              <w:t>Died (n=17)</w:t>
                            </w:r>
                          </w:p>
                          <w:p w14:paraId="7C314F26" w14:textId="77777777" w:rsidR="00EE797C" w:rsidRPr="00D95969" w:rsidRDefault="00EE797C" w:rsidP="00DB7731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D95969">
                              <w:rPr>
                                <w:sz w:val="14"/>
                                <w:szCs w:val="14"/>
                              </w:rPr>
                              <w:t>Withdrew (n=5)</w:t>
                            </w:r>
                          </w:p>
                          <w:p w14:paraId="0AB66622" w14:textId="77777777" w:rsidR="00EE797C" w:rsidRPr="00D95969" w:rsidRDefault="00EE797C" w:rsidP="00DB7731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D95969">
                              <w:rPr>
                                <w:sz w:val="14"/>
                                <w:szCs w:val="14"/>
                              </w:rPr>
                              <w:t>Toxicity (n=5)</w:t>
                            </w:r>
                          </w:p>
                          <w:p w14:paraId="1278ED9D" w14:textId="77777777" w:rsidR="00EE797C" w:rsidRPr="00D95969" w:rsidRDefault="00EE797C" w:rsidP="00DB7731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D95969">
                              <w:rPr>
                                <w:sz w:val="14"/>
                                <w:szCs w:val="14"/>
                              </w:rPr>
                              <w:t>Chemo stopped early (n=4)</w:t>
                            </w:r>
                          </w:p>
                          <w:p w14:paraId="4440498C" w14:textId="77777777" w:rsidR="00EE797C" w:rsidRPr="00D95969" w:rsidRDefault="00EE797C" w:rsidP="00DB7731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D95969">
                              <w:rPr>
                                <w:sz w:val="14"/>
                                <w:szCs w:val="14"/>
                              </w:rPr>
                              <w:t>Too ill (n=2)</w:t>
                            </w:r>
                          </w:p>
                          <w:p w14:paraId="71524B76" w14:textId="77777777" w:rsidR="00EE797C" w:rsidRPr="00D95969" w:rsidRDefault="00EE797C" w:rsidP="00DB7731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D95969">
                              <w:rPr>
                                <w:sz w:val="14"/>
                                <w:szCs w:val="14"/>
                              </w:rPr>
                              <w:t>Found to be ineligible (n=2)</w:t>
                            </w:r>
                          </w:p>
                          <w:p w14:paraId="7D25D245" w14:textId="77777777" w:rsidR="00EE797C" w:rsidRPr="00D95969" w:rsidRDefault="00EE797C" w:rsidP="00DB7731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D95969">
                              <w:rPr>
                                <w:sz w:val="14"/>
                                <w:szCs w:val="14"/>
                              </w:rPr>
                              <w:t>Unknown (n=3)</w:t>
                            </w:r>
                          </w:p>
                          <w:p w14:paraId="2F008A31" w14:textId="77777777" w:rsidR="00EE797C" w:rsidRPr="00F336CE" w:rsidRDefault="00EE797C" w:rsidP="003035BD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E98B6C7" id="Text Box 22" o:spid="_x0000_s1028" type="#_x0000_t202" style="position:absolute;margin-left:306.25pt;margin-top:1.55pt;width:135.7pt;height:90.55pt;z-index:2517135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" fillcolor="white [3201]" strokeweight=".5pt">
                <v:textbox>
                  <w:txbxContent>
                    <w:p w14:paraId="7CEF5634" w14:textId="77777777" w:rsidR="00EE797C" w:rsidRPr="00F336CE" w:rsidRDefault="00EE797C" w:rsidP="003035BD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Did not complete induction chemotherapy (n=</w:t>
                      </w:r>
                      <w:r>
                        <w:rPr>
                          <w:sz w:val="16"/>
                          <w:szCs w:val="16"/>
                        </w:rPr>
                        <w:t>38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  <w:p w14:paraId="04CB0952" w14:textId="77777777" w:rsidR="00EE797C" w:rsidRPr="00D95969" w:rsidRDefault="00EE797C" w:rsidP="00DB7731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D95969">
                        <w:rPr>
                          <w:sz w:val="14"/>
                          <w:szCs w:val="14"/>
                        </w:rPr>
                        <w:t>Died (n=17)</w:t>
                      </w:r>
                    </w:p>
                    <w:p w14:paraId="7C314F26" w14:textId="77777777" w:rsidR="00EE797C" w:rsidRPr="00D95969" w:rsidRDefault="00EE797C" w:rsidP="00DB7731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D95969">
                        <w:rPr>
                          <w:sz w:val="14"/>
                          <w:szCs w:val="14"/>
                        </w:rPr>
                        <w:t>Withdrew (n=5)</w:t>
                      </w:r>
                    </w:p>
                    <w:p w14:paraId="0AB66622" w14:textId="77777777" w:rsidR="00EE797C" w:rsidRPr="00D95969" w:rsidRDefault="00EE797C" w:rsidP="00DB7731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D95969">
                        <w:rPr>
                          <w:sz w:val="14"/>
                          <w:szCs w:val="14"/>
                        </w:rPr>
                        <w:t>Toxicity (n=5)</w:t>
                      </w:r>
                    </w:p>
                    <w:p w14:paraId="1278ED9D" w14:textId="77777777" w:rsidR="00EE797C" w:rsidRPr="00D95969" w:rsidRDefault="00EE797C" w:rsidP="00DB7731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D95969">
                        <w:rPr>
                          <w:sz w:val="14"/>
                          <w:szCs w:val="14"/>
                        </w:rPr>
                        <w:t>Chemo stopped early (n=4)</w:t>
                      </w:r>
                    </w:p>
                    <w:p w14:paraId="4440498C" w14:textId="77777777" w:rsidR="00EE797C" w:rsidRPr="00D95969" w:rsidRDefault="00EE797C" w:rsidP="00DB7731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D95969">
                        <w:rPr>
                          <w:sz w:val="14"/>
                          <w:szCs w:val="14"/>
                        </w:rPr>
                        <w:t>Too ill (n=2)</w:t>
                      </w:r>
                    </w:p>
                    <w:p w14:paraId="71524B76" w14:textId="77777777" w:rsidR="00EE797C" w:rsidRPr="00D95969" w:rsidRDefault="00EE797C" w:rsidP="00DB7731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D95969">
                        <w:rPr>
                          <w:sz w:val="14"/>
                          <w:szCs w:val="14"/>
                        </w:rPr>
                        <w:t>Found to be ineligible (n=2)</w:t>
                      </w:r>
                    </w:p>
                    <w:p w14:paraId="7D25D245" w14:textId="77777777" w:rsidR="00EE797C" w:rsidRPr="00D95969" w:rsidRDefault="00EE797C" w:rsidP="00DB7731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D95969">
                        <w:rPr>
                          <w:sz w:val="14"/>
                          <w:szCs w:val="14"/>
                        </w:rPr>
                        <w:t>Unknown (n=3)</w:t>
                      </w:r>
                    </w:p>
                    <w:p w14:paraId="2F008A31" w14:textId="77777777" w:rsidR="00EE797C" w:rsidRPr="00F336CE" w:rsidRDefault="00EE797C" w:rsidP="003035BD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</w:p>
                  </w:txbxContent>
                </v:textbox>
              </v:shape>
            </w:pict>
          </mc:Fallback>
        </mc:AlternateContent>
      </w:r>
    </w:p>
    <w:p w14:paraId="64768134" w14:textId="62DA5289" w:rsidR="00196196" w:rsidRDefault="00327036" w:rsidP="00AB3D17">
      <w:pPr>
        <w:pStyle w:val="Caption"/>
      </w:pPr>
      <w:r w:rsidRPr="00110DC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0AACE2CE" wp14:editId="72C944A0">
                <wp:simplePos x="0" y="0"/>
                <wp:positionH relativeFrom="column">
                  <wp:posOffset>1955165</wp:posOffset>
                </wp:positionH>
                <wp:positionV relativeFrom="paragraph">
                  <wp:posOffset>15875</wp:posOffset>
                </wp:positionV>
                <wp:extent cx="1600200" cy="438150"/>
                <wp:effectExtent l="0" t="0" r="19050" b="19050"/>
                <wp:wrapNone/>
                <wp:docPr id="337" name="Text Box 33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600200" cy="43815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6E7BB682" w14:textId="77777777" w:rsidR="00EE797C" w:rsidRPr="00F336CE" w:rsidRDefault="00EE797C" w:rsidP="003035BD">
                            <w:pPr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Optional pre-induction  chemotherapy registration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263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AACE2CE" id="Text Box 337" o:spid="_x0000_s1029" type="#_x0000_t202" style="position:absolute;margin-left:153.95pt;margin-top:1.25pt;width:126pt;height:34.5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" fillcolor="white [3201]" strokeweight=".5pt">
                <v:textbox>
                  <w:txbxContent>
                    <w:p w14:paraId="6E7BB682" w14:textId="77777777" w:rsidR="00EE797C" w:rsidRPr="00F336CE" w:rsidRDefault="00EE797C" w:rsidP="003035BD">
                      <w:pPr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Optional pre-</w:t>
                      </w:r>
                      <w:r w:rsidRPr="00F336CE">
                        <w:rPr>
                          <w:sz w:val="16"/>
                          <w:szCs w:val="16"/>
                        </w:rPr>
                        <w:t>induction  chemotherapy registration (n=</w:t>
                      </w:r>
                      <w:r>
                        <w:rPr>
                          <w:sz w:val="16"/>
                          <w:szCs w:val="16"/>
                        </w:rPr>
                        <w:t>263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</w:txbxContent>
                </v:textbox>
              </v:shape>
            </w:pict>
          </mc:Fallback>
        </mc:AlternateContent>
      </w:r>
    </w:p>
    <w:p w14:paraId="243C5B93" w14:textId="50824AE6" w:rsidR="00196196" w:rsidRDefault="00327036" w:rsidP="00AB3D17">
      <w:pPr>
        <w:pStyle w:val="Caption"/>
      </w:pPr>
      <w:r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81792" behindDoc="0" locked="0" layoutInCell="1" allowOverlap="1" wp14:anchorId="6008894F" wp14:editId="592FD160">
                <wp:simplePos x="0" y="0"/>
                <wp:positionH relativeFrom="column">
                  <wp:posOffset>2740025</wp:posOffset>
                </wp:positionH>
                <wp:positionV relativeFrom="paragraph">
                  <wp:posOffset>193040</wp:posOffset>
                </wp:positionV>
                <wp:extent cx="0" cy="352425"/>
                <wp:effectExtent l="76200" t="0" r="76200" b="47625"/>
                <wp:wrapNone/>
                <wp:docPr id="24" name="Straight Arrow Connector 2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0" cy="352425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557E29B2" id="Straight Arrow Connector 24" o:spid="_x0000_s1026" type="#_x0000_t32" style="position:absolute;margin-left:215.75pt;margin-top:15.2pt;width:0;height:27.75pt;z-index:25168179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" strokecolor="black [3040]">
                <v:stroke endarrow="block"/>
              </v:shape>
            </w:pict>
          </mc:Fallback>
        </mc:AlternateContent>
      </w:r>
    </w:p>
    <w:p w14:paraId="098405AD" w14:textId="465AC3CB" w:rsidR="00196196" w:rsidRDefault="00327036" w:rsidP="00AB3D17">
      <w:pPr>
        <w:pStyle w:val="Caption"/>
      </w:pPr>
      <w:r w:rsidRPr="00110DC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62336" behindDoc="0" locked="0" layoutInCell="1" allowOverlap="1" wp14:anchorId="4131C77C" wp14:editId="45B037F7">
                <wp:simplePos x="0" y="0"/>
                <wp:positionH relativeFrom="column">
                  <wp:posOffset>0</wp:posOffset>
                </wp:positionH>
                <wp:positionV relativeFrom="paragraph">
                  <wp:posOffset>264795</wp:posOffset>
                </wp:positionV>
                <wp:extent cx="1647825" cy="342900"/>
                <wp:effectExtent l="0" t="0" r="28575" b="19050"/>
                <wp:wrapNone/>
                <wp:docPr id="335" name="Text Box 33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647825" cy="34290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04BAA385" w14:textId="088E1692" w:rsidR="00EE797C" w:rsidRPr="00F336CE" w:rsidRDefault="00EE797C" w:rsidP="003035BD">
                            <w:pPr>
                              <w:pStyle w:val="NoSpacing"/>
                              <w:ind w:left="180"/>
                              <w:jc w:val="center"/>
                              <w:rPr>
                                <w:sz w:val="16"/>
                                <w:szCs w:val="16"/>
                              </w:rPr>
                            </w:pPr>
                            <w:r>
                              <w:rPr>
                                <w:rFonts w:ascii="Calibri" w:eastAsia="Times New Roman" w:hAnsi="Calibri" w:cs="Times New Roman"/>
                                <w:sz w:val="16"/>
                                <w:szCs w:val="16"/>
                                <w:lang w:eastAsia="en-GB"/>
                              </w:rPr>
                              <w:t>Registered</w:t>
                            </w:r>
                            <w:r w:rsidRPr="00F336CE">
                              <w:rPr>
                                <w:rFonts w:ascii="Calibri" w:eastAsia="Times New Roman" w:hAnsi="Calibri" w:cs="Times New Roman"/>
                                <w:sz w:val="16"/>
                                <w:szCs w:val="16"/>
                                <w:lang w:eastAsia="en-GB"/>
                              </w:rPr>
                              <w:t xml:space="preserve"> </w:t>
                            </w:r>
                            <w:r>
                              <w:rPr>
                                <w:rFonts w:ascii="Calibri" w:eastAsia="Times New Roman" w:hAnsi="Calibri" w:cs="Times New Roman"/>
                                <w:sz w:val="16"/>
                                <w:szCs w:val="16"/>
                                <w:lang w:eastAsia="en-GB"/>
                              </w:rPr>
                              <w:t>post</w:t>
                            </w:r>
                            <w:r w:rsidRPr="00F336CE">
                              <w:rPr>
                                <w:rFonts w:ascii="Calibri" w:eastAsia="Times New Roman" w:hAnsi="Calibri" w:cs="Times New Roman"/>
                                <w:sz w:val="16"/>
                                <w:szCs w:val="16"/>
                                <w:lang w:eastAsia="en-GB"/>
                              </w:rPr>
                              <w:t>-induction chemotherapy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 xml:space="preserve">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39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131C77C" id="Text Box 335" o:spid="_x0000_s1030" type="#_x0000_t202" style="position:absolute;margin-left:0;margin-top:20.85pt;width:129.75pt;height:27pt;z-index:251662336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" fillcolor="white [3201]" strokeweight=".5pt">
                <v:textbox>
                  <w:txbxContent>
                    <w:p w14:paraId="04BAA385" w14:textId="088E1692" w:rsidR="00EE797C" w:rsidRPr="00F336CE" w:rsidRDefault="00EE797C" w:rsidP="003035BD">
                      <w:pPr>
                        <w:pStyle w:val="NoSpacing"/>
                        <w:ind w:left="180"/>
                        <w:jc w:val="center"/>
                        <w:rPr>
                          <w:sz w:val="16"/>
                          <w:szCs w:val="16"/>
                        </w:rPr>
                      </w:pPr>
                      <w:r>
                        <w:rPr>
                          <w:rFonts w:ascii="Calibri" w:eastAsia="Times New Roman" w:hAnsi="Calibri" w:cs="Times New Roman"/>
                          <w:sz w:val="16"/>
                          <w:szCs w:val="16"/>
                          <w:lang w:eastAsia="en-GB"/>
                        </w:rPr>
                        <w:t>Registered</w:t>
                      </w:r>
                      <w:r w:rsidRPr="00F336CE">
                        <w:rPr>
                          <w:rFonts w:ascii="Calibri" w:eastAsia="Times New Roman" w:hAnsi="Calibri" w:cs="Times New Roman"/>
                          <w:sz w:val="16"/>
                          <w:szCs w:val="16"/>
                          <w:lang w:eastAsia="en-GB"/>
                        </w:rPr>
                        <w:t xml:space="preserve"> </w:t>
                      </w:r>
                      <w:r>
                        <w:rPr>
                          <w:rFonts w:ascii="Calibri" w:eastAsia="Times New Roman" w:hAnsi="Calibri" w:cs="Times New Roman"/>
                          <w:sz w:val="16"/>
                          <w:szCs w:val="16"/>
                          <w:lang w:eastAsia="en-GB"/>
                        </w:rPr>
                        <w:t>post</w:t>
                      </w:r>
                      <w:r w:rsidRPr="00F336CE">
                        <w:rPr>
                          <w:rFonts w:ascii="Calibri" w:eastAsia="Times New Roman" w:hAnsi="Calibri" w:cs="Times New Roman"/>
                          <w:sz w:val="16"/>
                          <w:szCs w:val="16"/>
                          <w:lang w:eastAsia="en-GB"/>
                        </w:rPr>
                        <w:t>-induction chemotherapy</w:t>
                      </w:r>
                      <w:r w:rsidRPr="00F336CE">
                        <w:rPr>
                          <w:sz w:val="16"/>
                          <w:szCs w:val="16"/>
                        </w:rPr>
                        <w:t xml:space="preserve"> (n=</w:t>
                      </w:r>
                      <w:r>
                        <w:rPr>
                          <w:sz w:val="16"/>
                          <w:szCs w:val="16"/>
                        </w:rPr>
                        <w:t>39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82816" behindDoc="0" locked="0" layoutInCell="1" allowOverlap="1" wp14:anchorId="342AA807" wp14:editId="794B60DD">
                <wp:simplePos x="0" y="0"/>
                <wp:positionH relativeFrom="column">
                  <wp:posOffset>2724785</wp:posOffset>
                </wp:positionH>
                <wp:positionV relativeFrom="paragraph">
                  <wp:posOffset>89535</wp:posOffset>
                </wp:positionV>
                <wp:extent cx="1143000" cy="0"/>
                <wp:effectExtent l="0" t="76200" r="19050" b="95250"/>
                <wp:wrapNone/>
                <wp:docPr id="25" name="Straight Arrow Connector 2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143000" cy="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44127F03" id="Straight Arrow Connector 25" o:spid="_x0000_s1026" type="#_x0000_t32" style="position:absolute;margin-left:214.55pt;margin-top:7.05pt;width:90pt;height:0;z-index:25168281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" strokecolor="black [3040]">
                <v:stroke endarrow="block"/>
              </v:shape>
            </w:pict>
          </mc:Fallback>
        </mc:AlternateContent>
      </w:r>
    </w:p>
    <w:p w14:paraId="6017A4DD" w14:textId="032DF0A8" w:rsidR="00196196" w:rsidRDefault="003F0493" w:rsidP="00AB3D17">
      <w:pPr>
        <w:pStyle w:val="Caption"/>
      </w:pPr>
      <w:r w:rsidRPr="00110DC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712512" behindDoc="0" locked="0" layoutInCell="1" allowOverlap="1" wp14:anchorId="28E95052" wp14:editId="7F54F121">
                <wp:simplePos x="0" y="0"/>
                <wp:positionH relativeFrom="column">
                  <wp:posOffset>3883025</wp:posOffset>
                </wp:positionH>
                <wp:positionV relativeFrom="paragraph">
                  <wp:posOffset>216535</wp:posOffset>
                </wp:positionV>
                <wp:extent cx="1717040" cy="1831769"/>
                <wp:effectExtent l="0" t="0" r="16510" b="16510"/>
                <wp:wrapNone/>
                <wp:docPr id="5" name="Text Box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717040" cy="1831769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075FEFDC" w14:textId="77777777" w:rsidR="00EE797C" w:rsidRPr="00F336CE" w:rsidRDefault="00EE797C" w:rsidP="003035BD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Excluded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194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  <w:p w14:paraId="06818598" w14:textId="77777777" w:rsidR="00EE797C" w:rsidRDefault="00EE797C" w:rsidP="003035BD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Not eligible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139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  <w:p w14:paraId="31EED450" w14:textId="77777777" w:rsidR="00EE797C" w:rsidRPr="00D95969" w:rsidRDefault="00EE797C" w:rsidP="00DB7731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D95969">
                              <w:rPr>
                                <w:sz w:val="14"/>
                                <w:szCs w:val="14"/>
                              </w:rPr>
                              <w:t>Not in CR/PR or NOT with other evidence of tumour shrinkage/Mixed stable (n=132)</w:t>
                            </w:r>
                          </w:p>
                          <w:p w14:paraId="3253CE77" w14:textId="77777777" w:rsidR="00EE797C" w:rsidRPr="00D95969" w:rsidRDefault="00EE797C" w:rsidP="00DB7731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D95969">
                              <w:rPr>
                                <w:sz w:val="14"/>
                                <w:szCs w:val="14"/>
                              </w:rPr>
                              <w:t>No CT scan or too ill or died before CT scan (n=7)</w:t>
                            </w:r>
                          </w:p>
                          <w:p w14:paraId="5424770F" w14:textId="77777777" w:rsidR="00EE797C" w:rsidRDefault="00EE797C" w:rsidP="003035BD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Eligible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55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  <w:p w14:paraId="15F84D66" w14:textId="77777777" w:rsidR="00EE797C" w:rsidRPr="00D95969" w:rsidRDefault="00EE797C" w:rsidP="00DB7731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18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D95969">
                              <w:rPr>
                                <w:sz w:val="14"/>
                                <w:szCs w:val="14"/>
                              </w:rPr>
                              <w:t>Withdrew (n=7)</w:t>
                            </w:r>
                          </w:p>
                          <w:p w14:paraId="71BDF873" w14:textId="77777777" w:rsidR="00EE797C" w:rsidRPr="00D95969" w:rsidRDefault="00EE797C" w:rsidP="00DB7731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D95969">
                              <w:rPr>
                                <w:sz w:val="14"/>
                                <w:szCs w:val="14"/>
                              </w:rPr>
                              <w:t>CT scan done but not in timeframe for  randomisation (n=4)</w:t>
                            </w:r>
                          </w:p>
                          <w:p w14:paraId="1FF14F09" w14:textId="77777777" w:rsidR="00EE797C" w:rsidRPr="00D95969" w:rsidRDefault="00EE797C" w:rsidP="00DB7731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D95969">
                              <w:rPr>
                                <w:sz w:val="14"/>
                                <w:szCs w:val="14"/>
                              </w:rPr>
                              <w:t>No measurable disease/target lesions (n=2)</w:t>
                            </w:r>
                          </w:p>
                          <w:p w14:paraId="0771DE78" w14:textId="77777777" w:rsidR="00EE797C" w:rsidRPr="00D95969" w:rsidRDefault="00EE797C" w:rsidP="00DB7731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D95969">
                              <w:rPr>
                                <w:sz w:val="14"/>
                                <w:szCs w:val="14"/>
                              </w:rPr>
                              <w:t>Participant choice (n=1)</w:t>
                            </w:r>
                          </w:p>
                          <w:p w14:paraId="36705F09" w14:textId="77777777" w:rsidR="00EE797C" w:rsidRPr="00D95969" w:rsidRDefault="00EE797C" w:rsidP="008A5FEC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18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D95969">
                              <w:rPr>
                                <w:sz w:val="14"/>
                                <w:szCs w:val="14"/>
                              </w:rPr>
                              <w:t>Died (n=4)</w:t>
                            </w:r>
                          </w:p>
                          <w:p w14:paraId="0FFAB404" w14:textId="77777777" w:rsidR="00EE797C" w:rsidRPr="00D95969" w:rsidRDefault="00EE797C" w:rsidP="00DB7731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D95969">
                              <w:rPr>
                                <w:sz w:val="14"/>
                                <w:szCs w:val="14"/>
                              </w:rPr>
                              <w:t>Unknown (n=44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8E95052" id="Text Box 5" o:spid="_x0000_s1031" type="#_x0000_t202" style="position:absolute;margin-left:305.75pt;margin-top:17.05pt;width:135.2pt;height:144.25pt;z-index:2517125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" fillcolor="white [3201]" strokeweight=".5pt">
                <v:textbox>
                  <w:txbxContent>
                    <w:p w14:paraId="075FEFDC" w14:textId="77777777" w:rsidR="00EE797C" w:rsidRPr="00F336CE" w:rsidRDefault="00EE797C" w:rsidP="003035BD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Excluded (n=</w:t>
                      </w:r>
                      <w:r>
                        <w:rPr>
                          <w:sz w:val="16"/>
                          <w:szCs w:val="16"/>
                        </w:rPr>
                        <w:t>194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  <w:p w14:paraId="06818598" w14:textId="77777777" w:rsidR="00EE797C" w:rsidRDefault="00EE797C" w:rsidP="003035BD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Not eligible (n=</w:t>
                      </w:r>
                      <w:r>
                        <w:rPr>
                          <w:sz w:val="16"/>
                          <w:szCs w:val="16"/>
                        </w:rPr>
                        <w:t>139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  <w:p w14:paraId="31EED450" w14:textId="77777777" w:rsidR="00EE797C" w:rsidRPr="00D95969" w:rsidRDefault="00EE797C" w:rsidP="00DB7731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D95969">
                        <w:rPr>
                          <w:sz w:val="14"/>
                          <w:szCs w:val="14"/>
                        </w:rPr>
                        <w:t>Not in CR/PR or NOT with other evidence of tumour shrinkage/Mixed stable (n=132)</w:t>
                      </w:r>
                    </w:p>
                    <w:p w14:paraId="3253CE77" w14:textId="77777777" w:rsidR="00EE797C" w:rsidRPr="00D95969" w:rsidRDefault="00EE797C" w:rsidP="00DB7731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D95969">
                        <w:rPr>
                          <w:sz w:val="14"/>
                          <w:szCs w:val="14"/>
                        </w:rPr>
                        <w:t>No CT scan or too ill or died before CT scan (n=7)</w:t>
                      </w:r>
                    </w:p>
                    <w:p w14:paraId="5424770F" w14:textId="77777777" w:rsidR="00EE797C" w:rsidRDefault="00EE797C" w:rsidP="003035BD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Eligible (n=</w:t>
                      </w:r>
                      <w:r>
                        <w:rPr>
                          <w:sz w:val="16"/>
                          <w:szCs w:val="16"/>
                        </w:rPr>
                        <w:t>55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  <w:p w14:paraId="15F84D66" w14:textId="77777777" w:rsidR="00EE797C" w:rsidRPr="00D95969" w:rsidRDefault="00EE797C" w:rsidP="00DB7731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180" w:hanging="180"/>
                        <w:rPr>
                          <w:sz w:val="14"/>
                          <w:szCs w:val="14"/>
                        </w:rPr>
                      </w:pPr>
                      <w:r w:rsidRPr="00D95969">
                        <w:rPr>
                          <w:sz w:val="14"/>
                          <w:szCs w:val="14"/>
                        </w:rPr>
                        <w:t>Withdrew (n=7)</w:t>
                      </w:r>
                    </w:p>
                    <w:p w14:paraId="71BDF873" w14:textId="77777777" w:rsidR="00EE797C" w:rsidRPr="00D95969" w:rsidRDefault="00EE797C" w:rsidP="00DB7731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D95969">
                        <w:rPr>
                          <w:sz w:val="14"/>
                          <w:szCs w:val="14"/>
                        </w:rPr>
                        <w:t xml:space="preserve">CT scan done but not in timeframe </w:t>
                      </w:r>
                      <w:r w:rsidRPr="00D95969">
                        <w:rPr>
                          <w:sz w:val="14"/>
                          <w:szCs w:val="14"/>
                        </w:rPr>
                        <w:t>for  randomisation (n=4)</w:t>
                      </w:r>
                    </w:p>
                    <w:p w14:paraId="1FF14F09" w14:textId="77777777" w:rsidR="00EE797C" w:rsidRPr="00D95969" w:rsidRDefault="00EE797C" w:rsidP="00DB7731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D95969">
                        <w:rPr>
                          <w:sz w:val="14"/>
                          <w:szCs w:val="14"/>
                        </w:rPr>
                        <w:t>No measurable disease/target lesions (n=2)</w:t>
                      </w:r>
                    </w:p>
                    <w:p w14:paraId="0771DE78" w14:textId="77777777" w:rsidR="00EE797C" w:rsidRPr="00D95969" w:rsidRDefault="00EE797C" w:rsidP="00DB7731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D95969">
                        <w:rPr>
                          <w:sz w:val="14"/>
                          <w:szCs w:val="14"/>
                        </w:rPr>
                        <w:t>Participant choice (n=1)</w:t>
                      </w:r>
                    </w:p>
                    <w:p w14:paraId="36705F09" w14:textId="77777777" w:rsidR="00EE797C" w:rsidRPr="00D95969" w:rsidRDefault="00EE797C" w:rsidP="008A5FEC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180" w:hanging="180"/>
                        <w:rPr>
                          <w:sz w:val="14"/>
                          <w:szCs w:val="14"/>
                        </w:rPr>
                      </w:pPr>
                      <w:r w:rsidRPr="00D95969">
                        <w:rPr>
                          <w:sz w:val="14"/>
                          <w:szCs w:val="14"/>
                        </w:rPr>
                        <w:t>Died (n=4)</w:t>
                      </w:r>
                    </w:p>
                    <w:p w14:paraId="0FFAB404" w14:textId="77777777" w:rsidR="00EE797C" w:rsidRPr="00D95969" w:rsidRDefault="00EE797C" w:rsidP="00DB7731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D95969">
                        <w:rPr>
                          <w:sz w:val="14"/>
                          <w:szCs w:val="14"/>
                        </w:rPr>
                        <w:t>Unknown (n=44)</w:t>
                      </w:r>
                    </w:p>
                  </w:txbxContent>
                </v:textbox>
              </v:shape>
            </w:pict>
          </mc:Fallback>
        </mc:AlternateContent>
      </w:r>
      <w:r w:rsidR="00327036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83840" behindDoc="0" locked="0" layoutInCell="1" allowOverlap="1" wp14:anchorId="341A6C82" wp14:editId="0E772B19">
                <wp:simplePos x="0" y="0"/>
                <wp:positionH relativeFrom="column">
                  <wp:posOffset>1654810</wp:posOffset>
                </wp:positionH>
                <wp:positionV relativeFrom="paragraph">
                  <wp:posOffset>219075</wp:posOffset>
                </wp:positionV>
                <wp:extent cx="304800" cy="0"/>
                <wp:effectExtent l="0" t="76200" r="19050" b="95250"/>
                <wp:wrapNone/>
                <wp:docPr id="27" name="Straight Arrow Connector 2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304800" cy="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62F1AD20" id="Straight Arrow Connector 27" o:spid="_x0000_s1026" type="#_x0000_t32" style="position:absolute;margin-left:130.3pt;margin-top:17.25pt;width:24pt;height:0;z-index:25168384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" strokecolor="black [3040]">
                <v:stroke endarrow="block"/>
              </v:shape>
            </w:pict>
          </mc:Fallback>
        </mc:AlternateContent>
      </w:r>
      <w:r w:rsidR="001F556A" w:rsidRPr="00110DC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0A0D7E35" wp14:editId="67692360">
                <wp:simplePos x="0" y="0"/>
                <wp:positionH relativeFrom="column">
                  <wp:posOffset>1958975</wp:posOffset>
                </wp:positionH>
                <wp:positionV relativeFrom="paragraph">
                  <wp:posOffset>8890</wp:posOffset>
                </wp:positionV>
                <wp:extent cx="1600200" cy="342900"/>
                <wp:effectExtent l="0" t="0" r="19050" b="19050"/>
                <wp:wrapNone/>
                <wp:docPr id="336" name="Text Box 33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600200" cy="34290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071FEAB4" w14:textId="77777777" w:rsidR="00EE797C" w:rsidRPr="00F336CE" w:rsidRDefault="00EE797C" w:rsidP="003035BD">
                            <w:pPr>
                              <w:jc w:val="center"/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Assessed for eligibility for randomisation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264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A0D7E35" id="Text Box 336" o:spid="_x0000_s1032" type="#_x0000_t202" style="position:absolute;margin-left:154.25pt;margin-top:.7pt;width:126pt;height:27pt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" fillcolor="white [3201]" strokeweight=".5pt">
                <v:textbox>
                  <w:txbxContent>
                    <w:p w14:paraId="071FEAB4" w14:textId="77777777" w:rsidR="00EE797C" w:rsidRPr="00F336CE" w:rsidRDefault="00EE797C" w:rsidP="003035BD">
                      <w:pPr>
                        <w:jc w:val="center"/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Assessed for eligibility for randomisation (n=</w:t>
                      </w:r>
                      <w:r>
                        <w:rPr>
                          <w:sz w:val="16"/>
                          <w:szCs w:val="16"/>
                        </w:rPr>
                        <w:t>264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</w:txbxContent>
                </v:textbox>
              </v:shape>
            </w:pict>
          </mc:Fallback>
        </mc:AlternateContent>
      </w:r>
    </w:p>
    <w:p w14:paraId="145769D6" w14:textId="7B68EBE0" w:rsidR="00196196" w:rsidRDefault="00327036" w:rsidP="00AB3D17">
      <w:pPr>
        <w:pStyle w:val="Caption"/>
      </w:pPr>
      <w:r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730944" behindDoc="0" locked="0" layoutInCell="1" allowOverlap="1" wp14:anchorId="181D5366" wp14:editId="5617109C">
                <wp:simplePos x="0" y="0"/>
                <wp:positionH relativeFrom="column">
                  <wp:posOffset>2748280</wp:posOffset>
                </wp:positionH>
                <wp:positionV relativeFrom="paragraph">
                  <wp:posOffset>94615</wp:posOffset>
                </wp:positionV>
                <wp:extent cx="0" cy="550234"/>
                <wp:effectExtent l="76200" t="0" r="57150" b="59690"/>
                <wp:wrapNone/>
                <wp:docPr id="352" name="Straight Arrow Connector 35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0" cy="550234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3E5E74C3" id="Straight Arrow Connector 352" o:spid="_x0000_s1026" type="#_x0000_t32" style="position:absolute;margin-left:216.4pt;margin-top:7.45pt;width:0;height:43.35pt;z-index:25173094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" strokecolor="black [3040]">
                <v:stroke endarrow="block"/>
              </v:shape>
            </w:pict>
          </mc:Fallback>
        </mc:AlternateContent>
      </w:r>
    </w:p>
    <w:p w14:paraId="7AFBF2A3" w14:textId="5481DADA" w:rsidR="00196196" w:rsidRDefault="000F1435" w:rsidP="00AB3D17">
      <w:pPr>
        <w:pStyle w:val="Caption"/>
      </w:pPr>
      <w:r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85888" behindDoc="0" locked="0" layoutInCell="1" allowOverlap="1" wp14:anchorId="48A1707E" wp14:editId="671D78A6">
                <wp:simplePos x="0" y="0"/>
                <wp:positionH relativeFrom="column">
                  <wp:posOffset>2748280</wp:posOffset>
                </wp:positionH>
                <wp:positionV relativeFrom="paragraph">
                  <wp:posOffset>142875</wp:posOffset>
                </wp:positionV>
                <wp:extent cx="1143000" cy="0"/>
                <wp:effectExtent l="0" t="76200" r="19050" b="95250"/>
                <wp:wrapNone/>
                <wp:docPr id="29" name="Straight Arrow Connector 2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143000" cy="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626C120B" id="Straight Arrow Connector 29" o:spid="_x0000_s1026" type="#_x0000_t32" style="position:absolute;margin-left:216.4pt;margin-top:11.25pt;width:90pt;height:0;z-index:25168588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" strokecolor="black [3040]">
                <v:stroke endarrow="block"/>
              </v:shape>
            </w:pict>
          </mc:Fallback>
        </mc:AlternateContent>
      </w:r>
    </w:p>
    <w:p w14:paraId="250DF93E" w14:textId="2EDDA244" w:rsidR="00196196" w:rsidRDefault="001F556A" w:rsidP="00AB3D17">
      <w:pPr>
        <w:pStyle w:val="Caption"/>
      </w:pPr>
      <w:r w:rsidRPr="00110DC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 wp14:anchorId="1A1B7534" wp14:editId="6D9EEF2F">
                <wp:simplePos x="0" y="0"/>
                <wp:positionH relativeFrom="column">
                  <wp:posOffset>1971040</wp:posOffset>
                </wp:positionH>
                <wp:positionV relativeFrom="paragraph">
                  <wp:posOffset>111125</wp:posOffset>
                </wp:positionV>
                <wp:extent cx="1590675" cy="409575"/>
                <wp:effectExtent l="0" t="0" r="28575" b="28575"/>
                <wp:wrapNone/>
                <wp:docPr id="340" name="Text Box 34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590675" cy="40957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22BAF007" w14:textId="77777777" w:rsidR="00EE797C" w:rsidRPr="00F336CE" w:rsidRDefault="00EE797C" w:rsidP="003035BD">
                            <w:pPr>
                              <w:pStyle w:val="NoSpacing"/>
                              <w:ind w:left="180"/>
                              <w:jc w:val="center"/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Randomised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70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A1B7534" id="Text Box 340" o:spid="_x0000_s1033" type="#_x0000_t202" style="position:absolute;margin-left:155.2pt;margin-top:8.75pt;width:125.25pt;height:32.25pt;z-index:2516643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" fillcolor="white [3201]" strokeweight=".5pt">
                <v:textbox>
                  <w:txbxContent>
                    <w:p w14:paraId="22BAF007" w14:textId="77777777" w:rsidR="00EE797C" w:rsidRPr="00F336CE" w:rsidRDefault="00EE797C" w:rsidP="003035BD">
                      <w:pPr>
                        <w:pStyle w:val="NoSpacing"/>
                        <w:ind w:left="180"/>
                        <w:jc w:val="center"/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Randomised (n=</w:t>
                      </w:r>
                      <w:r>
                        <w:rPr>
                          <w:sz w:val="16"/>
                          <w:szCs w:val="16"/>
                        </w:rPr>
                        <w:t>70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</w:txbxContent>
                </v:textbox>
              </v:shape>
            </w:pict>
          </mc:Fallback>
        </mc:AlternateContent>
      </w:r>
    </w:p>
    <w:p w14:paraId="66912CE7" w14:textId="0CF0EFAF" w:rsidR="00196196" w:rsidRDefault="00327036" w:rsidP="00AB3D17">
      <w:pPr>
        <w:pStyle w:val="Caption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722752" behindDoc="0" locked="0" layoutInCell="1" allowOverlap="1" wp14:anchorId="3F427C8A" wp14:editId="68684BED">
                <wp:simplePos x="0" y="0"/>
                <wp:positionH relativeFrom="column">
                  <wp:posOffset>2509520</wp:posOffset>
                </wp:positionH>
                <wp:positionV relativeFrom="paragraph">
                  <wp:posOffset>254000</wp:posOffset>
                </wp:positionV>
                <wp:extent cx="0" cy="174625"/>
                <wp:effectExtent l="76200" t="0" r="57150" b="53975"/>
                <wp:wrapNone/>
                <wp:docPr id="345" name="Straight Arrow Connector 34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0" cy="174625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5D20D8BA" id="Straight Arrow Connector 345" o:spid="_x0000_s1026" type="#_x0000_t32" style="position:absolute;margin-left:197.6pt;margin-top:20pt;width:0;height:13.75pt;z-index:25172275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" strokecolor="black [3040]">
                <v:stroke endarrow="block"/>
              </v:shape>
            </w:pict>
          </mc:Fallback>
        </mc:AlternateContent>
      </w:r>
    </w:p>
    <w:p w14:paraId="11C2FD0E" w14:textId="174CC235" w:rsidR="00196196" w:rsidRDefault="00327036" w:rsidP="00AB3D17">
      <w:pPr>
        <w:pStyle w:val="Caption"/>
      </w:pPr>
      <w:r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91008" behindDoc="0" locked="0" layoutInCell="1" allowOverlap="1" wp14:anchorId="22E9DA68" wp14:editId="01429264">
                <wp:simplePos x="0" y="0"/>
                <wp:positionH relativeFrom="column">
                  <wp:posOffset>3295650</wp:posOffset>
                </wp:positionH>
                <wp:positionV relativeFrom="paragraph">
                  <wp:posOffset>180340</wp:posOffset>
                </wp:positionV>
                <wp:extent cx="0" cy="114300"/>
                <wp:effectExtent l="76200" t="0" r="57150" b="57150"/>
                <wp:wrapNone/>
                <wp:docPr id="260" name="Straight Arrow Connector 26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0" cy="11430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07EBE55A" id="Straight Arrow Connector 260" o:spid="_x0000_s1026" type="#_x0000_t32" style="position:absolute;margin-left:259.5pt;margin-top:14.2pt;width:0;height:9pt;z-index:25169100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" strokecolor="black [3040]">
                <v:stroke endarrow="block"/>
              </v:shape>
            </w:pict>
          </mc:Fallback>
        </mc:AlternateContent>
      </w:r>
      <w:r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89984" behindDoc="0" locked="0" layoutInCell="1" allowOverlap="1" wp14:anchorId="717F5BF9" wp14:editId="121633D5">
                <wp:simplePos x="0" y="0"/>
                <wp:positionH relativeFrom="column">
                  <wp:posOffset>925830</wp:posOffset>
                </wp:positionH>
                <wp:positionV relativeFrom="paragraph">
                  <wp:posOffset>177800</wp:posOffset>
                </wp:positionV>
                <wp:extent cx="0" cy="114300"/>
                <wp:effectExtent l="76200" t="0" r="57150" b="57150"/>
                <wp:wrapNone/>
                <wp:docPr id="259" name="Straight Arrow Connector 25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0" cy="11430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DC8C4E0" id="Straight Arrow Connector 259" o:spid="_x0000_s1026" type="#_x0000_t32" style="position:absolute;margin-left:72.9pt;margin-top:14pt;width:0;height:9pt;z-index:2516899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" strokecolor="black [3040]">
                <v:stroke endarrow="block"/>
              </v:shape>
            </w:pict>
          </mc:Fallback>
        </mc:AlternateContent>
      </w:r>
      <w:r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92032" behindDoc="0" locked="0" layoutInCell="1" allowOverlap="1" wp14:anchorId="702059F3" wp14:editId="1164472A">
                <wp:simplePos x="0" y="0"/>
                <wp:positionH relativeFrom="column">
                  <wp:posOffset>931545</wp:posOffset>
                </wp:positionH>
                <wp:positionV relativeFrom="paragraph">
                  <wp:posOffset>160655</wp:posOffset>
                </wp:positionV>
                <wp:extent cx="2403763" cy="5938"/>
                <wp:effectExtent l="0" t="0" r="34925" b="32385"/>
                <wp:wrapNone/>
                <wp:docPr id="261" name="Straight Connector 26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2403763" cy="5938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line w14:anchorId="5A866EF5" id="Straight Connector 261" o:spid="_x0000_s1026" style="position:absolute;z-index:25169203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73.35pt,12.65pt" to="262.6pt,13.1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" strokecolor="black [3040]"/>
            </w:pict>
          </mc:Fallback>
        </mc:AlternateContent>
      </w:r>
    </w:p>
    <w:p w14:paraId="4D47347E" w14:textId="123BA6EC" w:rsidR="00196196" w:rsidRDefault="00327036" w:rsidP="00AB3D17">
      <w:pPr>
        <w:pStyle w:val="Caption"/>
      </w:pPr>
      <w:r w:rsidRPr="00110DC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66432" behindDoc="0" locked="0" layoutInCell="1" allowOverlap="1" wp14:anchorId="5FC0E21E" wp14:editId="6AE88C1E">
                <wp:simplePos x="0" y="0"/>
                <wp:positionH relativeFrom="column">
                  <wp:posOffset>2143125</wp:posOffset>
                </wp:positionH>
                <wp:positionV relativeFrom="paragraph">
                  <wp:posOffset>24765</wp:posOffset>
                </wp:positionV>
                <wp:extent cx="1514104" cy="247650"/>
                <wp:effectExtent l="0" t="0" r="10160" b="19050"/>
                <wp:wrapNone/>
                <wp:docPr id="323" name="Text Box 32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514104" cy="24765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4D73C4A4" w14:textId="77777777" w:rsidR="00EE797C" w:rsidRPr="002A7178" w:rsidRDefault="00EE797C" w:rsidP="003035BD">
                            <w:pPr>
                              <w:pStyle w:val="NoSpacing"/>
                              <w:ind w:left="180"/>
                              <w:jc w:val="center"/>
                              <w:rPr>
                                <w:sz w:val="16"/>
                                <w:szCs w:val="16"/>
                              </w:rPr>
                            </w:pPr>
                            <w:r>
                              <w:rPr>
                                <w:sz w:val="16"/>
                                <w:szCs w:val="16"/>
                              </w:rPr>
                              <w:t xml:space="preserve">Allocated to </w:t>
                            </w:r>
                            <w:r w:rsidRPr="002A7178">
                              <w:rPr>
                                <w:sz w:val="16"/>
                                <w:szCs w:val="16"/>
                              </w:rPr>
                              <w:t>Placebo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38</w:t>
                            </w:r>
                            <w:r w:rsidRPr="002A7178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FC0E21E" id="Text Box 323" o:spid="_x0000_s1034" type="#_x0000_t202" style="position:absolute;margin-left:168.75pt;margin-top:1.95pt;width:119.2pt;height:19.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" fillcolor="white [3201]" strokeweight=".5pt">
                <v:textbox>
                  <w:txbxContent>
                    <w:p w14:paraId="4D73C4A4" w14:textId="77777777" w:rsidR="00EE797C" w:rsidRPr="002A7178" w:rsidRDefault="00EE797C" w:rsidP="003035BD">
                      <w:pPr>
                        <w:pStyle w:val="NoSpacing"/>
                        <w:ind w:left="180"/>
                        <w:jc w:val="center"/>
                        <w:rPr>
                          <w:sz w:val="16"/>
                          <w:szCs w:val="16"/>
                        </w:rPr>
                      </w:pPr>
                      <w:r>
                        <w:rPr>
                          <w:sz w:val="16"/>
                          <w:szCs w:val="16"/>
                        </w:rPr>
                        <w:t xml:space="preserve">Allocated to </w:t>
                      </w:r>
                      <w:r w:rsidRPr="002A7178">
                        <w:rPr>
                          <w:sz w:val="16"/>
                          <w:szCs w:val="16"/>
                        </w:rPr>
                        <w:t>Placebo (n=</w:t>
                      </w:r>
                      <w:r>
                        <w:rPr>
                          <w:sz w:val="16"/>
                          <w:szCs w:val="16"/>
                        </w:rPr>
                        <w:t>38</w:t>
                      </w:r>
                      <w:r w:rsidRPr="002A7178">
                        <w:rPr>
                          <w:sz w:val="16"/>
                          <w:szCs w:val="16"/>
                        </w:rPr>
                        <w:t>)</w:t>
                      </w:r>
                    </w:p>
                  </w:txbxContent>
                </v:textbox>
              </v:shape>
            </w:pict>
          </mc:Fallback>
        </mc:AlternateContent>
      </w:r>
      <w:r w:rsidR="001F556A" w:rsidRPr="00110DC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65408" behindDoc="0" locked="0" layoutInCell="1" allowOverlap="1" wp14:anchorId="3894E57E" wp14:editId="6CCB70DF">
                <wp:simplePos x="0" y="0"/>
                <wp:positionH relativeFrom="column">
                  <wp:posOffset>5715</wp:posOffset>
                </wp:positionH>
                <wp:positionV relativeFrom="paragraph">
                  <wp:posOffset>25400</wp:posOffset>
                </wp:positionV>
                <wp:extent cx="1582387" cy="247650"/>
                <wp:effectExtent l="0" t="0" r="18415" b="19050"/>
                <wp:wrapNone/>
                <wp:docPr id="324" name="Text Box 32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582387" cy="24765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6D4B9354" w14:textId="77777777" w:rsidR="00EE797C" w:rsidRPr="00F336CE" w:rsidRDefault="00EE797C" w:rsidP="003035BD">
                            <w:pPr>
                              <w:pStyle w:val="NoSpacing"/>
                              <w:ind w:left="180"/>
                              <w:jc w:val="center"/>
                              <w:rPr>
                                <w:sz w:val="16"/>
                                <w:szCs w:val="16"/>
                              </w:rPr>
                            </w:pPr>
                            <w:r>
                              <w:rPr>
                                <w:sz w:val="16"/>
                                <w:szCs w:val="16"/>
                              </w:rPr>
                              <w:t xml:space="preserve">Allocated to 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Olaparib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32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894E57E" id="Text Box 324" o:spid="_x0000_s1035" type="#_x0000_t202" style="position:absolute;margin-left:.45pt;margin-top:2pt;width:124.6pt;height:19.5pt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" fillcolor="white [3201]" strokeweight=".5pt">
                <v:textbox>
                  <w:txbxContent>
                    <w:p w14:paraId="6D4B9354" w14:textId="77777777" w:rsidR="00EE797C" w:rsidRPr="00F336CE" w:rsidRDefault="00EE797C" w:rsidP="003035BD">
                      <w:pPr>
                        <w:pStyle w:val="NoSpacing"/>
                        <w:ind w:left="180"/>
                        <w:jc w:val="center"/>
                        <w:rPr>
                          <w:sz w:val="16"/>
                          <w:szCs w:val="16"/>
                        </w:rPr>
                      </w:pPr>
                      <w:r>
                        <w:rPr>
                          <w:sz w:val="16"/>
                          <w:szCs w:val="16"/>
                        </w:rPr>
                        <w:t xml:space="preserve">Allocated to </w:t>
                      </w:r>
                      <w:r w:rsidRPr="00F336CE">
                        <w:rPr>
                          <w:sz w:val="16"/>
                          <w:szCs w:val="16"/>
                        </w:rPr>
                        <w:t>Olaparib (n=</w:t>
                      </w:r>
                      <w:r>
                        <w:rPr>
                          <w:sz w:val="16"/>
                          <w:szCs w:val="16"/>
                        </w:rPr>
                        <w:t>32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</w:txbxContent>
                </v:textbox>
              </v:shape>
            </w:pict>
          </mc:Fallback>
        </mc:AlternateContent>
      </w:r>
    </w:p>
    <w:p w14:paraId="33941FE0" w14:textId="6FA072F2" w:rsidR="00196196" w:rsidRDefault="008A5FEC" w:rsidP="00AB3D17">
      <w:pPr>
        <w:pStyle w:val="Caption"/>
      </w:pPr>
      <w:r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741184" behindDoc="0" locked="0" layoutInCell="1" allowOverlap="1" wp14:anchorId="7966A45F" wp14:editId="5FFFF869">
                <wp:simplePos x="0" y="0"/>
                <wp:positionH relativeFrom="column">
                  <wp:posOffset>3300095</wp:posOffset>
                </wp:positionH>
                <wp:positionV relativeFrom="paragraph">
                  <wp:posOffset>9525</wp:posOffset>
                </wp:positionV>
                <wp:extent cx="0" cy="628650"/>
                <wp:effectExtent l="76200" t="0" r="76200" b="57150"/>
                <wp:wrapNone/>
                <wp:docPr id="18" name="Straight Arrow Connector 1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0" cy="62865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4AF068A1" id="Straight Arrow Connector 18" o:spid="_x0000_s1026" type="#_x0000_t32" style="position:absolute;margin-left:259.85pt;margin-top:.75pt;width:0;height:49.5pt;z-index:25174118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" strokecolor="black [3040]">
                <v:stroke endarrow="block"/>
              </v:shape>
            </w:pict>
          </mc:Fallback>
        </mc:AlternateContent>
      </w:r>
      <w:r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739136" behindDoc="0" locked="0" layoutInCell="1" allowOverlap="1" wp14:anchorId="7D4828C5" wp14:editId="6F84DBFD">
                <wp:simplePos x="0" y="0"/>
                <wp:positionH relativeFrom="column">
                  <wp:posOffset>223520</wp:posOffset>
                </wp:positionH>
                <wp:positionV relativeFrom="paragraph">
                  <wp:posOffset>9525</wp:posOffset>
                </wp:positionV>
                <wp:extent cx="0" cy="628650"/>
                <wp:effectExtent l="76200" t="0" r="76200" b="57150"/>
                <wp:wrapNone/>
                <wp:docPr id="17" name="Straight Arrow Connector 1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0" cy="62865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1173501F" id="Straight Arrow Connector 17" o:spid="_x0000_s1026" type="#_x0000_t32" style="position:absolute;margin-left:17.6pt;margin-top:.75pt;width:0;height:49.5pt;z-index:25173913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" strokecolor="black [3040]">
                <v:stroke endarrow="block"/>
              </v:shape>
            </w:pict>
          </mc:Fallback>
        </mc:AlternateContent>
      </w:r>
      <w:r w:rsidR="003F0493" w:rsidRPr="00110DC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68480" behindDoc="0" locked="0" layoutInCell="1" allowOverlap="1" wp14:anchorId="5BBEA03C" wp14:editId="5D617BFE">
                <wp:simplePos x="0" y="0"/>
                <wp:positionH relativeFrom="column">
                  <wp:posOffset>570865</wp:posOffset>
                </wp:positionH>
                <wp:positionV relativeFrom="paragraph">
                  <wp:posOffset>186055</wp:posOffset>
                </wp:positionV>
                <wp:extent cx="1727111" cy="350874"/>
                <wp:effectExtent l="0" t="0" r="26035" b="11430"/>
                <wp:wrapNone/>
                <wp:docPr id="13" name="Text Box 1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727111" cy="350874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33299699" w14:textId="77777777" w:rsidR="00EE797C" w:rsidRPr="00F336CE" w:rsidRDefault="00EE797C" w:rsidP="003035BD">
                            <w:pPr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Did not start study treatment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1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  <w:p w14:paraId="5D833563" w14:textId="77777777" w:rsidR="00EE797C" w:rsidRPr="00F336CE" w:rsidRDefault="00EE797C" w:rsidP="003035BD">
                            <w:pPr>
                              <w:pStyle w:val="NoSpacing"/>
                              <w:ind w:left="284"/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Found to be ineligible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1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  <w:p w14:paraId="0DA3ED96" w14:textId="77777777" w:rsidR="00EE797C" w:rsidRPr="00F336CE" w:rsidRDefault="00EE797C" w:rsidP="003035BD">
                            <w:pPr>
                              <w:pStyle w:val="NoSpacing"/>
                              <w:ind w:left="284"/>
                              <w:rPr>
                                <w:sz w:val="16"/>
                                <w:szCs w:val="16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BBEA03C" id="Text Box 13" o:spid="_x0000_s1036" type="#_x0000_t202" style="position:absolute;margin-left:44.95pt;margin-top:14.65pt;width:136pt;height:27.65pt;z-index:2516684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" fillcolor="white [3201]" strokeweight=".5pt">
                <v:textbox>
                  <w:txbxContent>
                    <w:p w14:paraId="33299699" w14:textId="77777777" w:rsidR="00EE797C" w:rsidRPr="00F336CE" w:rsidRDefault="00EE797C" w:rsidP="003035BD">
                      <w:pPr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Did not start study treatment (n=</w:t>
                      </w:r>
                      <w:r>
                        <w:rPr>
                          <w:sz w:val="16"/>
                          <w:szCs w:val="16"/>
                        </w:rPr>
                        <w:t>1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  <w:p w14:paraId="5D833563" w14:textId="77777777" w:rsidR="00EE797C" w:rsidRPr="00F336CE" w:rsidRDefault="00EE797C" w:rsidP="003035BD">
                      <w:pPr>
                        <w:pStyle w:val="NoSpacing"/>
                        <w:ind w:left="284"/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Found to be ineligible (n=</w:t>
                      </w:r>
                      <w:r>
                        <w:rPr>
                          <w:sz w:val="16"/>
                          <w:szCs w:val="16"/>
                        </w:rPr>
                        <w:t>1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  <w:p w14:paraId="0DA3ED96" w14:textId="77777777" w:rsidR="00EE797C" w:rsidRPr="00F336CE" w:rsidRDefault="00EE797C" w:rsidP="003035BD">
                      <w:pPr>
                        <w:pStyle w:val="NoSpacing"/>
                        <w:ind w:left="284"/>
                        <w:rPr>
                          <w:sz w:val="16"/>
                          <w:szCs w:val="16"/>
                        </w:rPr>
                      </w:pPr>
                    </w:p>
                  </w:txbxContent>
                </v:textbox>
              </v:shape>
            </w:pict>
          </mc:Fallback>
        </mc:AlternateContent>
      </w:r>
    </w:p>
    <w:p w14:paraId="55F87435" w14:textId="2EB239D0" w:rsidR="00196196" w:rsidRDefault="002248E0" w:rsidP="00AB3D17">
      <w:pPr>
        <w:pStyle w:val="Caption"/>
      </w:pPr>
      <w:r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705344" behindDoc="0" locked="0" layoutInCell="1" allowOverlap="1" wp14:anchorId="3CC9E3E5" wp14:editId="32857035">
                <wp:simplePos x="0" y="0"/>
                <wp:positionH relativeFrom="column">
                  <wp:posOffset>5372100</wp:posOffset>
                </wp:positionH>
                <wp:positionV relativeFrom="paragraph">
                  <wp:posOffset>123825</wp:posOffset>
                </wp:positionV>
                <wp:extent cx="209550" cy="0"/>
                <wp:effectExtent l="0" t="0" r="19050" b="19050"/>
                <wp:wrapNone/>
                <wp:docPr id="280" name="Straight Connector 28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209550" cy="0"/>
                        </a:xfrm>
                        <a:prstGeom prst="line">
                          <a:avLst/>
                        </a:prstGeom>
                        <a:ln w="9525" cap="flat" cmpd="sng" algn="ctr">
                          <a:solidFill>
                            <a:schemeClr val="dk1"/>
                          </a:solidFill>
                          <a:prstDash val="dash"/>
                          <a:round/>
                          <a:headEnd type="none" w="med" len="med"/>
                          <a:tailEnd type="none" w="med" len="med"/>
                        </a:ln>
                      </wps:spPr>
                      <wps:style>
                        <a:lnRef idx="0">
                          <a:scrgbClr r="0" g="0" b="0"/>
                        </a:lnRef>
                        <a:fillRef idx="0">
                          <a:scrgbClr r="0" g="0" b="0"/>
                        </a:fillRef>
                        <a:effectRef idx="0">
                          <a:scrgbClr r="0" g="0" b="0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747F3651" id="Straight Connector 280" o:spid="_x0000_s1026" style="position:absolute;z-index:25170534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423pt,9.75pt" to="439.5pt,9.7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" strokecolor="black [3200]">
                <v:stroke dashstyle="dash"/>
              </v:line>
            </w:pict>
          </mc:Fallback>
        </mc:AlternateContent>
      </w:r>
      <w:r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738112" behindDoc="0" locked="0" layoutInCell="1" allowOverlap="1" wp14:anchorId="357F1CE5" wp14:editId="234DEE3F">
                <wp:simplePos x="0" y="0"/>
                <wp:positionH relativeFrom="column">
                  <wp:posOffset>5604510</wp:posOffset>
                </wp:positionH>
                <wp:positionV relativeFrom="paragraph">
                  <wp:posOffset>133350</wp:posOffset>
                </wp:positionV>
                <wp:extent cx="0" cy="3886200"/>
                <wp:effectExtent l="0" t="0" r="38100" b="19050"/>
                <wp:wrapNone/>
                <wp:docPr id="16" name="Straight Connector 1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0" cy="3886200"/>
                        </a:xfrm>
                        <a:prstGeom prst="line">
                          <a:avLst/>
                        </a:prstGeom>
                        <a:ln w="9525" cap="flat" cmpd="sng" algn="ctr">
                          <a:solidFill>
                            <a:schemeClr val="dk1"/>
                          </a:solidFill>
                          <a:prstDash val="dash"/>
                          <a:round/>
                          <a:headEnd type="none" w="med" len="med"/>
                          <a:tailEnd type="none" w="med" len="med"/>
                        </a:ln>
                      </wps:spPr>
                      <wps:style>
                        <a:lnRef idx="0">
                          <a:scrgbClr r="0" g="0" b="0"/>
                        </a:lnRef>
                        <a:fillRef idx="0">
                          <a:scrgbClr r="0" g="0" b="0"/>
                        </a:fillRef>
                        <a:effectRef idx="0">
                          <a:scrgbClr r="0" g="0" b="0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52222003" id="Straight Connector 16" o:spid="_x0000_s1026" style="position:absolute;z-index:25173811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441.3pt,10.5pt" to="441.3pt,316.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" strokecolor="black [3200]">
                <v:stroke dashstyle="dash"/>
              </v:line>
            </w:pict>
          </mc:Fallback>
        </mc:AlternateContent>
      </w:r>
      <w:r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736064" behindDoc="0" locked="0" layoutInCell="1" allowOverlap="1" wp14:anchorId="3B2A0DFA" wp14:editId="62766068">
                <wp:simplePos x="0" y="0"/>
                <wp:positionH relativeFrom="column">
                  <wp:posOffset>2509520</wp:posOffset>
                </wp:positionH>
                <wp:positionV relativeFrom="paragraph">
                  <wp:posOffset>133350</wp:posOffset>
                </wp:positionV>
                <wp:extent cx="0" cy="3886200"/>
                <wp:effectExtent l="0" t="0" r="38100" b="19050"/>
                <wp:wrapNone/>
                <wp:docPr id="15" name="Straight Connector 1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0" cy="3886200"/>
                        </a:xfrm>
                        <a:prstGeom prst="line">
                          <a:avLst/>
                        </a:prstGeom>
                        <a:ln w="9525" cap="flat" cmpd="sng" algn="ctr">
                          <a:solidFill>
                            <a:schemeClr val="dk1"/>
                          </a:solidFill>
                          <a:prstDash val="dash"/>
                          <a:round/>
                          <a:headEnd type="none" w="med" len="med"/>
                          <a:tailEnd type="none" w="med" len="med"/>
                        </a:ln>
                      </wps:spPr>
                      <wps:style>
                        <a:lnRef idx="0">
                          <a:scrgbClr r="0" g="0" b="0"/>
                        </a:lnRef>
                        <a:fillRef idx="0">
                          <a:scrgbClr r="0" g="0" b="0"/>
                        </a:fillRef>
                        <a:effectRef idx="0">
                          <a:scrgbClr r="0" g="0" b="0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4BC41113" id="Straight Connector 15" o:spid="_x0000_s1026" style="position:absolute;z-index:2517360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197.6pt,10.5pt" to="197.6pt,316.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" strokecolor="black [3200]">
                <v:stroke dashstyle="dash"/>
              </v:line>
            </w:pict>
          </mc:Fallback>
        </mc:AlternateContent>
      </w:r>
      <w:r w:rsidR="003F049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704320" behindDoc="0" locked="0" layoutInCell="1" allowOverlap="1" wp14:anchorId="1F2004EB" wp14:editId="041196FD">
                <wp:simplePos x="0" y="0"/>
                <wp:positionH relativeFrom="column">
                  <wp:posOffset>2301875</wp:posOffset>
                </wp:positionH>
                <wp:positionV relativeFrom="paragraph">
                  <wp:posOffset>130175</wp:posOffset>
                </wp:positionV>
                <wp:extent cx="209550" cy="0"/>
                <wp:effectExtent l="0" t="0" r="19050" b="19050"/>
                <wp:wrapNone/>
                <wp:docPr id="279" name="Straight Connector 27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209550" cy="0"/>
                        </a:xfrm>
                        <a:prstGeom prst="line">
                          <a:avLst/>
                        </a:prstGeom>
                        <a:ln w="9525" cap="flat" cmpd="sng" algn="ctr">
                          <a:solidFill>
                            <a:schemeClr val="dk1"/>
                          </a:solidFill>
                          <a:prstDash val="dash"/>
                          <a:round/>
                          <a:headEnd type="none" w="med" len="med"/>
                          <a:tailEnd type="none" w="med" len="med"/>
                        </a:ln>
                      </wps:spPr>
                      <wps:style>
                        <a:lnRef idx="0">
                          <a:scrgbClr r="0" g="0" b="0"/>
                        </a:lnRef>
                        <a:fillRef idx="0">
                          <a:scrgbClr r="0" g="0" b="0"/>
                        </a:fillRef>
                        <a:effectRef idx="0">
                          <a:scrgbClr r="0" g="0" b="0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032D63C5" id="Straight Connector 279" o:spid="_x0000_s1026" style="position:absolute;z-index:25170432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181.25pt,10.25pt" to="197.75pt,10.2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" strokecolor="black [3200]">
                <v:stroke dashstyle="dash"/>
              </v:line>
            </w:pict>
          </mc:Fallback>
        </mc:AlternateContent>
      </w:r>
      <w:r w:rsidR="003F0493" w:rsidRPr="00DC479D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726848" behindDoc="0" locked="0" layoutInCell="1" allowOverlap="1" wp14:anchorId="7F175075" wp14:editId="5175DCFE">
                <wp:simplePos x="0" y="0"/>
                <wp:positionH relativeFrom="column">
                  <wp:posOffset>244475</wp:posOffset>
                </wp:positionH>
                <wp:positionV relativeFrom="paragraph">
                  <wp:posOffset>135255</wp:posOffset>
                </wp:positionV>
                <wp:extent cx="340847" cy="0"/>
                <wp:effectExtent l="0" t="76200" r="21590" b="95250"/>
                <wp:wrapNone/>
                <wp:docPr id="349" name="Straight Arrow Connector 34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340847" cy="0"/>
                        </a:xfrm>
                        <a:prstGeom prst="straightConnector1">
                          <a:avLst/>
                        </a:prstGeom>
                        <a:ln>
                          <a:solidFill>
                            <a:schemeClr val="tx1"/>
                          </a:solidFill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7DD47937" id="Straight Arrow Connector 349" o:spid="_x0000_s1026" type="#_x0000_t32" style="position:absolute;margin-left:19.25pt;margin-top:10.65pt;width:26.85pt;height:0;z-index:25172684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" strokecolor="black [3213]">
                <v:stroke endarrow="block"/>
              </v:shape>
            </w:pict>
          </mc:Fallback>
        </mc:AlternateContent>
      </w:r>
      <w:r w:rsidR="003F049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725824" behindDoc="0" locked="0" layoutInCell="1" allowOverlap="1" wp14:anchorId="08C14CE2" wp14:editId="406587C1">
                <wp:simplePos x="0" y="0"/>
                <wp:positionH relativeFrom="column">
                  <wp:posOffset>3312795</wp:posOffset>
                </wp:positionH>
                <wp:positionV relativeFrom="paragraph">
                  <wp:posOffset>137795</wp:posOffset>
                </wp:positionV>
                <wp:extent cx="238125" cy="0"/>
                <wp:effectExtent l="0" t="76200" r="9525" b="95250"/>
                <wp:wrapNone/>
                <wp:docPr id="348" name="Straight Arrow Connector 34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238125" cy="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173EF127" id="Straight Arrow Connector 348" o:spid="_x0000_s1026" type="#_x0000_t32" style="position:absolute;margin-left:260.85pt;margin-top:10.85pt;width:18.75pt;height:0;z-index:25172582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" strokecolor="black [3040]">
                <v:stroke endarrow="block"/>
              </v:shape>
            </w:pict>
          </mc:Fallback>
        </mc:AlternateContent>
      </w:r>
      <w:r w:rsidR="003F0493" w:rsidRPr="00110DC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67456" behindDoc="0" locked="0" layoutInCell="1" allowOverlap="1" wp14:anchorId="4AD2C961" wp14:editId="310E3B60">
                <wp:simplePos x="0" y="0"/>
                <wp:positionH relativeFrom="column">
                  <wp:posOffset>3547745</wp:posOffset>
                </wp:positionH>
                <wp:positionV relativeFrom="paragraph">
                  <wp:posOffset>36195</wp:posOffset>
                </wp:positionV>
                <wp:extent cx="1828800" cy="205105"/>
                <wp:effectExtent l="0" t="0" r="19050" b="23495"/>
                <wp:wrapNone/>
                <wp:docPr id="327" name="Text Box 32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828800" cy="20510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42C24DA5" w14:textId="77777777" w:rsidR="00EE797C" w:rsidRPr="00F336CE" w:rsidRDefault="00EE797C" w:rsidP="003035BD">
                            <w:pPr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Did not start study treatment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0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AD2C961" id="Text Box 327" o:spid="_x0000_s1037" type="#_x0000_t202" style="position:absolute;margin-left:279.35pt;margin-top:2.85pt;width:2in;height:16.15pt;z-index:2516674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" fillcolor="white [3201]" strokeweight=".5pt">
                <v:textbox>
                  <w:txbxContent>
                    <w:p w14:paraId="42C24DA5" w14:textId="77777777" w:rsidR="00EE797C" w:rsidRPr="00F336CE" w:rsidRDefault="00EE797C" w:rsidP="003035BD">
                      <w:pPr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Did not start study treatment (n=</w:t>
                      </w:r>
                      <w:r>
                        <w:rPr>
                          <w:sz w:val="16"/>
                          <w:szCs w:val="16"/>
                        </w:rPr>
                        <w:t>0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</w:txbxContent>
                </v:textbox>
              </v:shape>
            </w:pict>
          </mc:Fallback>
        </mc:AlternateContent>
      </w:r>
    </w:p>
    <w:p w14:paraId="0542D1AF" w14:textId="7079A3D1" w:rsidR="00196196" w:rsidRDefault="003F0493" w:rsidP="00AB3D17">
      <w:pPr>
        <w:pStyle w:val="Caption"/>
      </w:pPr>
      <w:r w:rsidRPr="00110DC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69504" behindDoc="0" locked="0" layoutInCell="1" allowOverlap="1" wp14:anchorId="0142EAA8" wp14:editId="15FF7A11">
                <wp:simplePos x="0" y="0"/>
                <wp:positionH relativeFrom="column">
                  <wp:posOffset>3081020</wp:posOffset>
                </wp:positionH>
                <wp:positionV relativeFrom="paragraph">
                  <wp:posOffset>103505</wp:posOffset>
                </wp:positionV>
                <wp:extent cx="1714500" cy="321310"/>
                <wp:effectExtent l="0" t="0" r="19050" b="21590"/>
                <wp:wrapNone/>
                <wp:docPr id="328" name="Text Box 32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714500" cy="32131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64DE4611" w14:textId="77777777" w:rsidR="00EE797C" w:rsidRPr="00F336CE" w:rsidRDefault="00EE797C" w:rsidP="003035BD">
                            <w:pPr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Started study treatment and included in safety analysis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38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142EAA8" id="Text Box 328" o:spid="_x0000_s1038" type="#_x0000_t202" style="position:absolute;margin-left:242.6pt;margin-top:8.15pt;width:135pt;height:25.3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" fillcolor="white [3201]" strokeweight=".5pt">
                <v:textbox>
                  <w:txbxContent>
                    <w:p w14:paraId="64DE4611" w14:textId="77777777" w:rsidR="00EE797C" w:rsidRPr="00F336CE" w:rsidRDefault="00EE797C" w:rsidP="003035BD">
                      <w:pPr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Started study treatment and included in safety analysis (n=</w:t>
                      </w:r>
                      <w:r>
                        <w:rPr>
                          <w:sz w:val="16"/>
                          <w:szCs w:val="16"/>
                        </w:rPr>
                        <w:t>38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</w:txbxContent>
                </v:textbox>
              </v:shape>
            </w:pict>
          </mc:Fallback>
        </mc:AlternateContent>
      </w:r>
      <w:r w:rsidRPr="00110DC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70528" behindDoc="0" locked="0" layoutInCell="1" allowOverlap="1" wp14:anchorId="0E9CE75D" wp14:editId="63BDFAEB">
                <wp:simplePos x="0" y="0"/>
                <wp:positionH relativeFrom="column">
                  <wp:posOffset>4445</wp:posOffset>
                </wp:positionH>
                <wp:positionV relativeFrom="paragraph">
                  <wp:posOffset>102870</wp:posOffset>
                </wp:positionV>
                <wp:extent cx="1714500" cy="330835"/>
                <wp:effectExtent l="0" t="0" r="19050" b="12065"/>
                <wp:wrapNone/>
                <wp:docPr id="329" name="Text Box 32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714500" cy="33083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3E32EB51" w14:textId="77777777" w:rsidR="00EE797C" w:rsidRPr="00F336CE" w:rsidRDefault="00EE797C" w:rsidP="003035BD">
                            <w:pPr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Started study treatment and included in safety analysis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31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E9CE75D" id="Text Box 329" o:spid="_x0000_s1039" type="#_x0000_t202" style="position:absolute;margin-left:.35pt;margin-top:8.1pt;width:135pt;height:26.05pt;z-index:2516705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" fillcolor="white [3201]" strokeweight=".5pt">
                <v:textbox>
                  <w:txbxContent>
                    <w:p w14:paraId="3E32EB51" w14:textId="77777777" w:rsidR="00EE797C" w:rsidRPr="00F336CE" w:rsidRDefault="00EE797C" w:rsidP="003035BD">
                      <w:pPr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Started study treatment and included in safety analysis (n=</w:t>
                      </w:r>
                      <w:r>
                        <w:rPr>
                          <w:sz w:val="16"/>
                          <w:szCs w:val="16"/>
                        </w:rPr>
                        <w:t>31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</w:txbxContent>
                </v:textbox>
              </v:shape>
            </w:pict>
          </mc:Fallback>
        </mc:AlternateContent>
      </w:r>
    </w:p>
    <w:p w14:paraId="224C8B9B" w14:textId="1F751A90" w:rsidR="00196196" w:rsidRDefault="002248E0" w:rsidP="009F6C05">
      <w:pPr>
        <w:pStyle w:val="Caption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735040" behindDoc="0" locked="0" layoutInCell="1" allowOverlap="1" wp14:anchorId="141B8991" wp14:editId="121C882B">
                <wp:simplePos x="0" y="0"/>
                <wp:positionH relativeFrom="column">
                  <wp:posOffset>3300095</wp:posOffset>
                </wp:positionH>
                <wp:positionV relativeFrom="paragraph">
                  <wp:posOffset>172085</wp:posOffset>
                </wp:positionV>
                <wp:extent cx="0" cy="2974340"/>
                <wp:effectExtent l="76200" t="0" r="57150" b="54610"/>
                <wp:wrapNone/>
                <wp:docPr id="14" name="Straight Arrow Connector 1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0" cy="297434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2D9C6571" id="Straight Arrow Connector 14" o:spid="_x0000_s1026" type="#_x0000_t32" style="position:absolute;margin-left:259.85pt;margin-top:13.55pt;width:0;height:234.2pt;z-index:25173504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" strokecolor="black [3040]">
                <v:stroke endarrow="block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32992" behindDoc="0" locked="0" layoutInCell="1" allowOverlap="1" wp14:anchorId="2BA420E3" wp14:editId="6839BDBD">
                <wp:simplePos x="0" y="0"/>
                <wp:positionH relativeFrom="column">
                  <wp:posOffset>223520</wp:posOffset>
                </wp:positionH>
                <wp:positionV relativeFrom="paragraph">
                  <wp:posOffset>169545</wp:posOffset>
                </wp:positionV>
                <wp:extent cx="0" cy="2974340"/>
                <wp:effectExtent l="76200" t="0" r="57150" b="54610"/>
                <wp:wrapNone/>
                <wp:docPr id="12" name="Straight Arrow Connector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0" cy="297434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7E58F774" id="Straight Arrow Connector 12" o:spid="_x0000_s1026" type="#_x0000_t32" style="position:absolute;margin-left:17.6pt;margin-top:13.35pt;width:0;height:234.2pt;z-index:25173299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" strokecolor="black [3040]">
                <v:stroke endarrow="block"/>
              </v:shape>
            </w:pict>
          </mc:Fallback>
        </mc:AlternateContent>
      </w:r>
    </w:p>
    <w:p w14:paraId="759F0457" w14:textId="207719F2" w:rsidR="00196196" w:rsidRDefault="003F0493" w:rsidP="009F6C05">
      <w:pPr>
        <w:pStyle w:val="Caption"/>
      </w:pPr>
      <w:r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97152" behindDoc="0" locked="0" layoutInCell="1" allowOverlap="1" wp14:anchorId="2919479C" wp14:editId="2E674155">
                <wp:simplePos x="0" y="0"/>
                <wp:positionH relativeFrom="column">
                  <wp:posOffset>3293745</wp:posOffset>
                </wp:positionH>
                <wp:positionV relativeFrom="paragraph">
                  <wp:posOffset>140970</wp:posOffset>
                </wp:positionV>
                <wp:extent cx="466725" cy="0"/>
                <wp:effectExtent l="0" t="76200" r="9525" b="95250"/>
                <wp:wrapNone/>
                <wp:docPr id="271" name="Straight Arrow Connector 27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466725" cy="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022DBF95" id="Straight Arrow Connector 271" o:spid="_x0000_s1026" type="#_x0000_t32" style="position:absolute;margin-left:259.35pt;margin-top:11.1pt;width:36.75pt;height:0;z-index:25169715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" strokecolor="black [3040]">
                <v:stroke endarrow="block"/>
              </v:shape>
            </w:pict>
          </mc:Fallback>
        </mc:AlternateContent>
      </w:r>
      <w:r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96128" behindDoc="0" locked="0" layoutInCell="1" allowOverlap="1" wp14:anchorId="3C914223" wp14:editId="386FD3C3">
                <wp:simplePos x="0" y="0"/>
                <wp:positionH relativeFrom="column">
                  <wp:posOffset>238760</wp:posOffset>
                </wp:positionH>
                <wp:positionV relativeFrom="paragraph">
                  <wp:posOffset>140970</wp:posOffset>
                </wp:positionV>
                <wp:extent cx="466725" cy="0"/>
                <wp:effectExtent l="0" t="76200" r="9525" b="95250"/>
                <wp:wrapNone/>
                <wp:docPr id="270" name="Straight Arrow Connector 27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466725" cy="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3715AB20" id="Straight Arrow Connector 270" o:spid="_x0000_s1026" type="#_x0000_t32" style="position:absolute;margin-left:18.8pt;margin-top:11.1pt;width:36.75pt;height:0;z-index:25169612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" strokecolor="black [3040]">
                <v:stroke endarrow="block"/>
              </v:shape>
            </w:pict>
          </mc:Fallback>
        </mc:AlternateContent>
      </w:r>
      <w:r w:rsidRPr="00110DC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71552" behindDoc="0" locked="0" layoutInCell="1" allowOverlap="1" wp14:anchorId="7D421544" wp14:editId="7BF1B82D">
                <wp:simplePos x="0" y="0"/>
                <wp:positionH relativeFrom="column">
                  <wp:posOffset>3756660</wp:posOffset>
                </wp:positionH>
                <wp:positionV relativeFrom="paragraph">
                  <wp:posOffset>24765</wp:posOffset>
                </wp:positionV>
                <wp:extent cx="1600200" cy="232410"/>
                <wp:effectExtent l="0" t="0" r="19050" b="15240"/>
                <wp:wrapNone/>
                <wp:docPr id="256" name="Text Box 25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600200" cy="23241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6CCA9C02" w14:textId="77777777" w:rsidR="00EE797C" w:rsidRPr="00F336CE" w:rsidRDefault="00EE797C" w:rsidP="003035BD">
                            <w:pPr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Protocol deviation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0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D421544" id="Text Box 256" o:spid="_x0000_s1040" type="#_x0000_t202" style="position:absolute;margin-left:295.8pt;margin-top:1.95pt;width:126pt;height:18.3pt;z-index:2516715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" fillcolor="white [3201]" strokeweight=".5pt">
                <v:textbox>
                  <w:txbxContent>
                    <w:p w14:paraId="6CCA9C02" w14:textId="77777777" w:rsidR="00EE797C" w:rsidRPr="00F336CE" w:rsidRDefault="00EE797C" w:rsidP="003035BD">
                      <w:pPr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Protocol deviation (n=</w:t>
                      </w:r>
                      <w:r>
                        <w:rPr>
                          <w:sz w:val="16"/>
                          <w:szCs w:val="16"/>
                        </w:rPr>
                        <w:t>0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</w:txbxContent>
                </v:textbox>
              </v:shape>
            </w:pict>
          </mc:Fallback>
        </mc:AlternateContent>
      </w:r>
      <w:r w:rsidRPr="00110DC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72576" behindDoc="0" locked="0" layoutInCell="1" allowOverlap="1" wp14:anchorId="12282134" wp14:editId="30FB09A4">
                <wp:simplePos x="0" y="0"/>
                <wp:positionH relativeFrom="column">
                  <wp:posOffset>692150</wp:posOffset>
                </wp:positionH>
                <wp:positionV relativeFrom="paragraph">
                  <wp:posOffset>24765</wp:posOffset>
                </wp:positionV>
                <wp:extent cx="1609725" cy="224642"/>
                <wp:effectExtent l="0" t="0" r="28575" b="23495"/>
                <wp:wrapNone/>
                <wp:docPr id="330" name="Text Box 33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609725" cy="224642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427A66E8" w14:textId="77777777" w:rsidR="00EE797C" w:rsidRPr="00F336CE" w:rsidRDefault="00EE797C" w:rsidP="003035BD">
                            <w:pPr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Protocol deviation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0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2282134" id="Text Box 330" o:spid="_x0000_s1041" type="#_x0000_t202" style="position:absolute;margin-left:54.5pt;margin-top:1.95pt;width:126.75pt;height:17.7pt;z-index:2516725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" fillcolor="white [3201]" strokeweight=".5pt">
                <v:textbox>
                  <w:txbxContent>
                    <w:p w14:paraId="427A66E8" w14:textId="77777777" w:rsidR="00EE797C" w:rsidRPr="00F336CE" w:rsidRDefault="00EE797C" w:rsidP="003035BD">
                      <w:pPr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Protocol deviation (n=</w:t>
                      </w:r>
                      <w:r>
                        <w:rPr>
                          <w:sz w:val="16"/>
                          <w:szCs w:val="16"/>
                        </w:rPr>
                        <w:t>0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</w:txbxContent>
                </v:textbox>
              </v:shape>
            </w:pict>
          </mc:Fallback>
        </mc:AlternateContent>
      </w:r>
    </w:p>
    <w:p w14:paraId="09C2E29C" w14:textId="6C0E3F30" w:rsidR="00196196" w:rsidRDefault="003F0493" w:rsidP="00DB254C">
      <w:pPr>
        <w:pStyle w:val="Caption"/>
      </w:pPr>
      <w:r w:rsidRPr="00110DC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73600" behindDoc="0" locked="0" layoutInCell="1" allowOverlap="1" wp14:anchorId="28DB4BD3" wp14:editId="55115598">
                <wp:simplePos x="0" y="0"/>
                <wp:positionH relativeFrom="column">
                  <wp:posOffset>3776345</wp:posOffset>
                </wp:positionH>
                <wp:positionV relativeFrom="paragraph">
                  <wp:posOffset>105410</wp:posOffset>
                </wp:positionV>
                <wp:extent cx="1711325" cy="1704975"/>
                <wp:effectExtent l="0" t="0" r="22225" b="28575"/>
                <wp:wrapNone/>
                <wp:docPr id="325" name="Text Box 32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711325" cy="170497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623630CB" w14:textId="77777777" w:rsidR="00EE797C" w:rsidRPr="00F336CE" w:rsidRDefault="00EE797C" w:rsidP="00DB254C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 xml:space="preserve">Withdrew 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completely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 xml:space="preserve">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8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  <w:p w14:paraId="53FACF36" w14:textId="77777777" w:rsidR="00EE797C" w:rsidRPr="00911671" w:rsidRDefault="00EE797C" w:rsidP="00DB254C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911671">
                              <w:rPr>
                                <w:sz w:val="14"/>
                                <w:szCs w:val="14"/>
                              </w:rPr>
                              <w:t>Disease progression (n=</w:t>
                            </w:r>
                            <w:r>
                              <w:rPr>
                                <w:sz w:val="14"/>
                                <w:szCs w:val="14"/>
                              </w:rPr>
                              <w:t>6</w:t>
                            </w:r>
                            <w:r w:rsidRPr="00911671">
                              <w:rPr>
                                <w:sz w:val="14"/>
                                <w:szCs w:val="14"/>
                              </w:rPr>
                              <w:t>)</w:t>
                            </w:r>
                          </w:p>
                          <w:p w14:paraId="57EC20EF" w14:textId="77777777" w:rsidR="00EE797C" w:rsidRPr="00911671" w:rsidRDefault="00EE797C" w:rsidP="00DB254C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911671">
                              <w:rPr>
                                <w:sz w:val="14"/>
                                <w:szCs w:val="14"/>
                              </w:rPr>
                              <w:t>Participant choice (n=1)</w:t>
                            </w:r>
                          </w:p>
                          <w:p w14:paraId="18B85442" w14:textId="77777777" w:rsidR="00EE797C" w:rsidRPr="00911671" w:rsidRDefault="00EE797C" w:rsidP="00DB254C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911671">
                              <w:rPr>
                                <w:sz w:val="14"/>
                                <w:szCs w:val="14"/>
                              </w:rPr>
                              <w:t>Non-compliance (n=</w:t>
                            </w:r>
                            <w:r>
                              <w:rPr>
                                <w:sz w:val="14"/>
                                <w:szCs w:val="14"/>
                              </w:rPr>
                              <w:t>1</w:t>
                            </w:r>
                            <w:r w:rsidRPr="00911671">
                              <w:rPr>
                                <w:sz w:val="14"/>
                                <w:szCs w:val="14"/>
                              </w:rPr>
                              <w:t>)</w:t>
                            </w:r>
                          </w:p>
                          <w:p w14:paraId="72851CE0" w14:textId="77777777" w:rsidR="00EE797C" w:rsidRDefault="00EE797C" w:rsidP="00DB254C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243718">
                              <w:rPr>
                                <w:sz w:val="16"/>
                                <w:szCs w:val="16"/>
                              </w:rPr>
                              <w:t>Withdrew from trial treatment and still alive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6</w:t>
                            </w:r>
                            <w:r w:rsidRPr="00243718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  <w:p w14:paraId="77B1A05A" w14:textId="77777777" w:rsidR="00EE797C" w:rsidRPr="00D30021" w:rsidRDefault="00EE797C" w:rsidP="00DB254C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D30021">
                              <w:rPr>
                                <w:sz w:val="14"/>
                                <w:szCs w:val="14"/>
                              </w:rPr>
                              <w:t>Disease progression</w:t>
                            </w:r>
                            <w:r>
                              <w:rPr>
                                <w:sz w:val="14"/>
                                <w:szCs w:val="14"/>
                              </w:rPr>
                              <w:t xml:space="preserve"> (n-6)</w:t>
                            </w:r>
                          </w:p>
                          <w:p w14:paraId="74619AF2" w14:textId="77777777" w:rsidR="00EE797C" w:rsidRDefault="00EE797C" w:rsidP="00DB254C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 xml:space="preserve">Died 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and not withdrawn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 xml:space="preserve">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24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  <w:p w14:paraId="5F8238AA" w14:textId="77777777" w:rsidR="00EE797C" w:rsidRDefault="00EE797C" w:rsidP="00DB254C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B34F50">
                              <w:rPr>
                                <w:sz w:val="14"/>
                                <w:szCs w:val="14"/>
                              </w:rPr>
                              <w:t>Disease progression (n=</w:t>
                            </w:r>
                            <w:r>
                              <w:rPr>
                                <w:sz w:val="14"/>
                                <w:szCs w:val="14"/>
                              </w:rPr>
                              <w:t>19</w:t>
                            </w:r>
                            <w:r w:rsidRPr="00B34F50">
                              <w:rPr>
                                <w:sz w:val="14"/>
                                <w:szCs w:val="14"/>
                              </w:rPr>
                              <w:t>)</w:t>
                            </w:r>
                          </w:p>
                          <w:p w14:paraId="21C4AA40" w14:textId="77777777" w:rsidR="00EE797C" w:rsidRDefault="00EE797C" w:rsidP="00DB254C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>
                              <w:rPr>
                                <w:sz w:val="14"/>
                                <w:szCs w:val="14"/>
                              </w:rPr>
                              <w:t>Central chest pain (n=1)</w:t>
                            </w:r>
                          </w:p>
                          <w:p w14:paraId="10C42096" w14:textId="77777777" w:rsidR="00EE797C" w:rsidRDefault="00EE797C" w:rsidP="00DB254C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>
                              <w:rPr>
                                <w:sz w:val="14"/>
                                <w:szCs w:val="14"/>
                              </w:rPr>
                              <w:t>Missing (n=4)</w:t>
                            </w:r>
                          </w:p>
                          <w:p w14:paraId="4F22CAF8" w14:textId="77777777" w:rsidR="00EE797C" w:rsidRPr="00B34F50" w:rsidRDefault="00EE797C" w:rsidP="00DB254C">
                            <w:pPr>
                              <w:pStyle w:val="NoSpacing"/>
                              <w:rPr>
                                <w:sz w:val="14"/>
                                <w:szCs w:val="14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Lost to follow up prior to PFS event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0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  <w:p w14:paraId="0FD3830A" w14:textId="5F359571" w:rsidR="00EE797C" w:rsidRPr="00F336CE" w:rsidRDefault="00EE797C" w:rsidP="003035BD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8DB4BD3" id="Text Box 325" o:spid="_x0000_s1042" type="#_x0000_t202" style="position:absolute;margin-left:297.35pt;margin-top:8.3pt;width:134.75pt;height:134.25pt;z-index:2516736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" fillcolor="white [3201]" strokeweight=".5pt">
                <v:textbox>
                  <w:txbxContent>
                    <w:p w14:paraId="623630CB" w14:textId="77777777" w:rsidR="00EE797C" w:rsidRPr="00F336CE" w:rsidRDefault="00EE797C" w:rsidP="00DB254C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 xml:space="preserve">Withdrew </w:t>
                      </w:r>
                      <w:r>
                        <w:rPr>
                          <w:sz w:val="16"/>
                          <w:szCs w:val="16"/>
                        </w:rPr>
                        <w:t>completely</w:t>
                      </w:r>
                      <w:r w:rsidRPr="00F336CE">
                        <w:rPr>
                          <w:sz w:val="16"/>
                          <w:szCs w:val="16"/>
                        </w:rPr>
                        <w:t xml:space="preserve"> (n=</w:t>
                      </w:r>
                      <w:r>
                        <w:rPr>
                          <w:sz w:val="16"/>
                          <w:szCs w:val="16"/>
                        </w:rPr>
                        <w:t>8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  <w:p w14:paraId="53FACF36" w14:textId="77777777" w:rsidR="00EE797C" w:rsidRPr="00911671" w:rsidRDefault="00EE797C" w:rsidP="00DB254C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911671">
                        <w:rPr>
                          <w:sz w:val="14"/>
                          <w:szCs w:val="14"/>
                        </w:rPr>
                        <w:t>Disease progression (n=</w:t>
                      </w:r>
                      <w:r>
                        <w:rPr>
                          <w:sz w:val="14"/>
                          <w:szCs w:val="14"/>
                        </w:rPr>
                        <w:t>6</w:t>
                      </w:r>
                      <w:r w:rsidRPr="00911671">
                        <w:rPr>
                          <w:sz w:val="14"/>
                          <w:szCs w:val="14"/>
                        </w:rPr>
                        <w:t>)</w:t>
                      </w:r>
                    </w:p>
                    <w:p w14:paraId="57EC20EF" w14:textId="77777777" w:rsidR="00EE797C" w:rsidRPr="00911671" w:rsidRDefault="00EE797C" w:rsidP="00DB254C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911671">
                        <w:rPr>
                          <w:sz w:val="14"/>
                          <w:szCs w:val="14"/>
                        </w:rPr>
                        <w:t>Participant choice (n=1)</w:t>
                      </w:r>
                    </w:p>
                    <w:p w14:paraId="18B85442" w14:textId="77777777" w:rsidR="00EE797C" w:rsidRPr="00911671" w:rsidRDefault="00EE797C" w:rsidP="00DB254C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911671">
                        <w:rPr>
                          <w:sz w:val="14"/>
                          <w:szCs w:val="14"/>
                        </w:rPr>
                        <w:t>Non-compliance (n=</w:t>
                      </w:r>
                      <w:r>
                        <w:rPr>
                          <w:sz w:val="14"/>
                          <w:szCs w:val="14"/>
                        </w:rPr>
                        <w:t>1</w:t>
                      </w:r>
                      <w:r w:rsidRPr="00911671">
                        <w:rPr>
                          <w:sz w:val="14"/>
                          <w:szCs w:val="14"/>
                        </w:rPr>
                        <w:t>)</w:t>
                      </w:r>
                    </w:p>
                    <w:p w14:paraId="72851CE0" w14:textId="77777777" w:rsidR="00EE797C" w:rsidRDefault="00EE797C" w:rsidP="00DB254C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243718">
                        <w:rPr>
                          <w:sz w:val="16"/>
                          <w:szCs w:val="16"/>
                        </w:rPr>
                        <w:t>Withdrew from trial treatment and still alive (n=</w:t>
                      </w:r>
                      <w:r>
                        <w:rPr>
                          <w:sz w:val="16"/>
                          <w:szCs w:val="16"/>
                        </w:rPr>
                        <w:t>6</w:t>
                      </w:r>
                      <w:r w:rsidRPr="00243718">
                        <w:rPr>
                          <w:sz w:val="16"/>
                          <w:szCs w:val="16"/>
                        </w:rPr>
                        <w:t>)</w:t>
                      </w:r>
                    </w:p>
                    <w:p w14:paraId="77B1A05A" w14:textId="77777777" w:rsidR="00EE797C" w:rsidRPr="00D30021" w:rsidRDefault="00EE797C" w:rsidP="00DB254C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D30021">
                        <w:rPr>
                          <w:sz w:val="14"/>
                          <w:szCs w:val="14"/>
                        </w:rPr>
                        <w:t>Disease progression</w:t>
                      </w:r>
                      <w:r>
                        <w:rPr>
                          <w:sz w:val="14"/>
                          <w:szCs w:val="14"/>
                        </w:rPr>
                        <w:t xml:space="preserve"> (n-6)</w:t>
                      </w:r>
                    </w:p>
                    <w:p w14:paraId="74619AF2" w14:textId="77777777" w:rsidR="00EE797C" w:rsidRDefault="00EE797C" w:rsidP="00DB254C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 xml:space="preserve">Died </w:t>
                      </w:r>
                      <w:r>
                        <w:rPr>
                          <w:sz w:val="16"/>
                          <w:szCs w:val="16"/>
                        </w:rPr>
                        <w:t>and not withdrawn</w:t>
                      </w:r>
                      <w:r w:rsidRPr="00F336CE">
                        <w:rPr>
                          <w:sz w:val="16"/>
                          <w:szCs w:val="16"/>
                        </w:rPr>
                        <w:t xml:space="preserve"> (n=</w:t>
                      </w:r>
                      <w:r>
                        <w:rPr>
                          <w:sz w:val="16"/>
                          <w:szCs w:val="16"/>
                        </w:rPr>
                        <w:t>24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  <w:p w14:paraId="5F8238AA" w14:textId="77777777" w:rsidR="00EE797C" w:rsidRDefault="00EE797C" w:rsidP="00DB254C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B34F50">
                        <w:rPr>
                          <w:sz w:val="14"/>
                          <w:szCs w:val="14"/>
                        </w:rPr>
                        <w:t>Disease progression (n=</w:t>
                      </w:r>
                      <w:r>
                        <w:rPr>
                          <w:sz w:val="14"/>
                          <w:szCs w:val="14"/>
                        </w:rPr>
                        <w:t>19</w:t>
                      </w:r>
                      <w:r w:rsidRPr="00B34F50">
                        <w:rPr>
                          <w:sz w:val="14"/>
                          <w:szCs w:val="14"/>
                        </w:rPr>
                        <w:t>)</w:t>
                      </w:r>
                    </w:p>
                    <w:p w14:paraId="21C4AA40" w14:textId="77777777" w:rsidR="00EE797C" w:rsidRDefault="00EE797C" w:rsidP="00DB254C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>
                        <w:rPr>
                          <w:sz w:val="14"/>
                          <w:szCs w:val="14"/>
                        </w:rPr>
                        <w:t>Central chest pain (n=1)</w:t>
                      </w:r>
                    </w:p>
                    <w:p w14:paraId="10C42096" w14:textId="77777777" w:rsidR="00EE797C" w:rsidRDefault="00EE797C" w:rsidP="00DB254C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>
                        <w:rPr>
                          <w:sz w:val="14"/>
                          <w:szCs w:val="14"/>
                        </w:rPr>
                        <w:t>Missing (n=4)</w:t>
                      </w:r>
                    </w:p>
                    <w:p w14:paraId="4F22CAF8" w14:textId="77777777" w:rsidR="00EE797C" w:rsidRPr="00B34F50" w:rsidRDefault="00EE797C" w:rsidP="00DB254C">
                      <w:pPr>
                        <w:pStyle w:val="NoSpacing"/>
                        <w:rPr>
                          <w:sz w:val="14"/>
                          <w:szCs w:val="14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Lost to follow up prior to PFS event (n=</w:t>
                      </w:r>
                      <w:r>
                        <w:rPr>
                          <w:sz w:val="16"/>
                          <w:szCs w:val="16"/>
                        </w:rPr>
                        <w:t>0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  <w:p w14:paraId="0FD3830A" w14:textId="5F359571" w:rsidR="00EE797C" w:rsidRPr="00F336CE" w:rsidRDefault="00EE797C" w:rsidP="003035BD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</w:p>
                  </w:txbxContent>
                </v:textbox>
              </v:shape>
            </w:pict>
          </mc:Fallback>
        </mc:AlternateContent>
      </w:r>
      <w:r w:rsidR="00B061A6" w:rsidRPr="00110DC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74624" behindDoc="0" locked="0" layoutInCell="1" allowOverlap="1" wp14:anchorId="2F64D6F2" wp14:editId="34EEFEB0">
                <wp:simplePos x="0" y="0"/>
                <wp:positionH relativeFrom="column">
                  <wp:posOffset>690245</wp:posOffset>
                </wp:positionH>
                <wp:positionV relativeFrom="paragraph">
                  <wp:posOffset>102870</wp:posOffset>
                </wp:positionV>
                <wp:extent cx="1609725" cy="1695450"/>
                <wp:effectExtent l="0" t="0" r="28575" b="19050"/>
                <wp:wrapNone/>
                <wp:docPr id="331" name="Text Box 33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609725" cy="169545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2FC18052" w14:textId="77777777" w:rsidR="00EE797C" w:rsidRPr="00F336CE" w:rsidRDefault="00EE797C" w:rsidP="00DB254C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 xml:space="preserve">Withdrew 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completely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 xml:space="preserve"> before end of regimen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4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  <w:p w14:paraId="2D648EF3" w14:textId="77777777" w:rsidR="00EE797C" w:rsidRPr="00911671" w:rsidRDefault="00EE797C" w:rsidP="00DB254C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911671">
                              <w:rPr>
                                <w:sz w:val="14"/>
                                <w:szCs w:val="14"/>
                              </w:rPr>
                              <w:t>Disease progression (n=3)</w:t>
                            </w:r>
                          </w:p>
                          <w:p w14:paraId="05CCCCDC" w14:textId="77777777" w:rsidR="00EE797C" w:rsidRDefault="00EE797C" w:rsidP="00DB254C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911671">
                              <w:rPr>
                                <w:sz w:val="14"/>
                                <w:szCs w:val="14"/>
                              </w:rPr>
                              <w:t>Participant choice (n=</w:t>
                            </w:r>
                            <w:r>
                              <w:rPr>
                                <w:sz w:val="14"/>
                                <w:szCs w:val="14"/>
                              </w:rPr>
                              <w:t>1</w:t>
                            </w:r>
                            <w:r w:rsidRPr="00911671">
                              <w:rPr>
                                <w:sz w:val="14"/>
                                <w:szCs w:val="14"/>
                              </w:rPr>
                              <w:t>)</w:t>
                            </w:r>
                          </w:p>
                          <w:p w14:paraId="1CDBB977" w14:textId="77777777" w:rsidR="00EE797C" w:rsidRDefault="00EE797C" w:rsidP="00DB254C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243718">
                              <w:rPr>
                                <w:sz w:val="16"/>
                                <w:szCs w:val="16"/>
                              </w:rPr>
                              <w:t>Withdrew from trial treatment and still alive (n=8)</w:t>
                            </w:r>
                          </w:p>
                          <w:p w14:paraId="3466BDC8" w14:textId="77777777" w:rsidR="00EE797C" w:rsidRPr="00D30021" w:rsidRDefault="00EE797C" w:rsidP="00DB254C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D30021">
                              <w:rPr>
                                <w:sz w:val="14"/>
                                <w:szCs w:val="14"/>
                              </w:rPr>
                              <w:t>Disease progression</w:t>
                            </w:r>
                            <w:r>
                              <w:rPr>
                                <w:sz w:val="14"/>
                                <w:szCs w:val="14"/>
                              </w:rPr>
                              <w:t xml:space="preserve"> (n-8)</w:t>
                            </w:r>
                          </w:p>
                          <w:p w14:paraId="648B7A4B" w14:textId="77777777" w:rsidR="00EE797C" w:rsidRDefault="00EE797C" w:rsidP="00DB254C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 xml:space="preserve">Died 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and not withdrawn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 xml:space="preserve">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18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  <w:p w14:paraId="55DF8AE0" w14:textId="77777777" w:rsidR="00EE797C" w:rsidRDefault="00EE797C" w:rsidP="00DB254C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B34F50">
                              <w:rPr>
                                <w:sz w:val="14"/>
                                <w:szCs w:val="14"/>
                              </w:rPr>
                              <w:t>Disease progression (n=15)</w:t>
                            </w:r>
                          </w:p>
                          <w:p w14:paraId="7BDFA856" w14:textId="77777777" w:rsidR="00EE797C" w:rsidRDefault="00EE797C" w:rsidP="00DB254C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>
                              <w:rPr>
                                <w:sz w:val="14"/>
                                <w:szCs w:val="14"/>
                              </w:rPr>
                              <w:t>Missing (n=3)</w:t>
                            </w:r>
                          </w:p>
                          <w:p w14:paraId="4E49D9D6" w14:textId="77777777" w:rsidR="00EE797C" w:rsidRPr="00B34F50" w:rsidRDefault="00EE797C" w:rsidP="00DB254C">
                            <w:pPr>
                              <w:pStyle w:val="NoSpacing"/>
                              <w:rPr>
                                <w:sz w:val="14"/>
                                <w:szCs w:val="14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Lost to follow up prior to PFS event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0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  <w:p w14:paraId="1669E577" w14:textId="159C4C2E" w:rsidR="00EE797C" w:rsidRPr="00F336CE" w:rsidRDefault="00EE797C" w:rsidP="003035BD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F64D6F2" id="Text Box 331" o:spid="_x0000_s1043" type="#_x0000_t202" style="position:absolute;margin-left:54.35pt;margin-top:8.1pt;width:126.75pt;height:133.5pt;z-index:2516746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" fillcolor="white [3201]" strokeweight=".5pt">
                <v:textbox>
                  <w:txbxContent>
                    <w:p w14:paraId="2FC18052" w14:textId="77777777" w:rsidR="00EE797C" w:rsidRPr="00F336CE" w:rsidRDefault="00EE797C" w:rsidP="00DB254C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 xml:space="preserve">Withdrew </w:t>
                      </w:r>
                      <w:r>
                        <w:rPr>
                          <w:sz w:val="16"/>
                          <w:szCs w:val="16"/>
                        </w:rPr>
                        <w:t>completely</w:t>
                      </w:r>
                      <w:r w:rsidRPr="00F336CE">
                        <w:rPr>
                          <w:sz w:val="16"/>
                          <w:szCs w:val="16"/>
                        </w:rPr>
                        <w:t xml:space="preserve"> before end of regimen (n=</w:t>
                      </w:r>
                      <w:r>
                        <w:rPr>
                          <w:sz w:val="16"/>
                          <w:szCs w:val="16"/>
                        </w:rPr>
                        <w:t>4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  <w:p w14:paraId="2D648EF3" w14:textId="77777777" w:rsidR="00EE797C" w:rsidRPr="00911671" w:rsidRDefault="00EE797C" w:rsidP="00DB254C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911671">
                        <w:rPr>
                          <w:sz w:val="14"/>
                          <w:szCs w:val="14"/>
                        </w:rPr>
                        <w:t>Disease progression (n=3)</w:t>
                      </w:r>
                    </w:p>
                    <w:p w14:paraId="05CCCCDC" w14:textId="77777777" w:rsidR="00EE797C" w:rsidRDefault="00EE797C" w:rsidP="00DB254C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911671">
                        <w:rPr>
                          <w:sz w:val="14"/>
                          <w:szCs w:val="14"/>
                        </w:rPr>
                        <w:t>Participant choice (n=</w:t>
                      </w:r>
                      <w:r>
                        <w:rPr>
                          <w:sz w:val="14"/>
                          <w:szCs w:val="14"/>
                        </w:rPr>
                        <w:t>1</w:t>
                      </w:r>
                      <w:r w:rsidRPr="00911671">
                        <w:rPr>
                          <w:sz w:val="14"/>
                          <w:szCs w:val="14"/>
                        </w:rPr>
                        <w:t>)</w:t>
                      </w:r>
                    </w:p>
                    <w:p w14:paraId="1CDBB977" w14:textId="77777777" w:rsidR="00EE797C" w:rsidRDefault="00EE797C" w:rsidP="00DB254C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243718">
                        <w:rPr>
                          <w:sz w:val="16"/>
                          <w:szCs w:val="16"/>
                        </w:rPr>
                        <w:t>Withdrew from trial treatment and still alive (n=8)</w:t>
                      </w:r>
                    </w:p>
                    <w:p w14:paraId="3466BDC8" w14:textId="77777777" w:rsidR="00EE797C" w:rsidRPr="00D30021" w:rsidRDefault="00EE797C" w:rsidP="00DB254C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D30021">
                        <w:rPr>
                          <w:sz w:val="14"/>
                          <w:szCs w:val="14"/>
                        </w:rPr>
                        <w:t>Disease progression</w:t>
                      </w:r>
                      <w:r>
                        <w:rPr>
                          <w:sz w:val="14"/>
                          <w:szCs w:val="14"/>
                        </w:rPr>
                        <w:t xml:space="preserve"> (n-8)</w:t>
                      </w:r>
                    </w:p>
                    <w:p w14:paraId="648B7A4B" w14:textId="77777777" w:rsidR="00EE797C" w:rsidRDefault="00EE797C" w:rsidP="00DB254C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 xml:space="preserve">Died </w:t>
                      </w:r>
                      <w:r>
                        <w:rPr>
                          <w:sz w:val="16"/>
                          <w:szCs w:val="16"/>
                        </w:rPr>
                        <w:t>and not withdrawn</w:t>
                      </w:r>
                      <w:r w:rsidRPr="00F336CE">
                        <w:rPr>
                          <w:sz w:val="16"/>
                          <w:szCs w:val="16"/>
                        </w:rPr>
                        <w:t xml:space="preserve"> (n=</w:t>
                      </w:r>
                      <w:r>
                        <w:rPr>
                          <w:sz w:val="16"/>
                          <w:szCs w:val="16"/>
                        </w:rPr>
                        <w:t>18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  <w:p w14:paraId="55DF8AE0" w14:textId="77777777" w:rsidR="00EE797C" w:rsidRDefault="00EE797C" w:rsidP="00DB254C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B34F50">
                        <w:rPr>
                          <w:sz w:val="14"/>
                          <w:szCs w:val="14"/>
                        </w:rPr>
                        <w:t>Disease progression (n=15)</w:t>
                      </w:r>
                    </w:p>
                    <w:p w14:paraId="7BDFA856" w14:textId="77777777" w:rsidR="00EE797C" w:rsidRDefault="00EE797C" w:rsidP="00DB254C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>
                        <w:rPr>
                          <w:sz w:val="14"/>
                          <w:szCs w:val="14"/>
                        </w:rPr>
                        <w:t>Missing (n=3)</w:t>
                      </w:r>
                    </w:p>
                    <w:p w14:paraId="4E49D9D6" w14:textId="77777777" w:rsidR="00EE797C" w:rsidRPr="00B34F50" w:rsidRDefault="00EE797C" w:rsidP="00DB254C">
                      <w:pPr>
                        <w:pStyle w:val="NoSpacing"/>
                        <w:rPr>
                          <w:sz w:val="14"/>
                          <w:szCs w:val="14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Lost to follow up prior to PFS event (n=</w:t>
                      </w:r>
                      <w:r>
                        <w:rPr>
                          <w:sz w:val="16"/>
                          <w:szCs w:val="16"/>
                        </w:rPr>
                        <w:t>0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  <w:p w14:paraId="1669E577" w14:textId="159C4C2E" w:rsidR="00EE797C" w:rsidRPr="00F336CE" w:rsidRDefault="00EE797C" w:rsidP="003035BD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</w:p>
                  </w:txbxContent>
                </v:textbox>
              </v:shape>
            </w:pict>
          </mc:Fallback>
        </mc:AlternateContent>
      </w:r>
    </w:p>
    <w:p w14:paraId="7AC9BC0F" w14:textId="2E0B4869" w:rsidR="00196196" w:rsidRDefault="00196196" w:rsidP="00DB254C">
      <w:pPr>
        <w:pStyle w:val="Caption"/>
      </w:pPr>
    </w:p>
    <w:p w14:paraId="50038E5C" w14:textId="5F28B163" w:rsidR="00196196" w:rsidRDefault="00196196" w:rsidP="00DB254C">
      <w:pPr>
        <w:pStyle w:val="Caption"/>
      </w:pPr>
    </w:p>
    <w:p w14:paraId="5053C5F2" w14:textId="2EE4406E" w:rsidR="00196196" w:rsidRDefault="002248E0" w:rsidP="00DB254C">
      <w:pPr>
        <w:pStyle w:val="Caption"/>
      </w:pPr>
      <w:r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711488" behindDoc="0" locked="0" layoutInCell="1" allowOverlap="1" wp14:anchorId="7201A2D2" wp14:editId="6128C1BC">
                <wp:simplePos x="0" y="0"/>
                <wp:positionH relativeFrom="column">
                  <wp:posOffset>5499735</wp:posOffset>
                </wp:positionH>
                <wp:positionV relativeFrom="paragraph">
                  <wp:posOffset>215265</wp:posOffset>
                </wp:positionV>
                <wp:extent cx="95456" cy="0"/>
                <wp:effectExtent l="0" t="0" r="0" b="0"/>
                <wp:wrapNone/>
                <wp:docPr id="286" name="Straight Connector 28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95456" cy="0"/>
                        </a:xfrm>
                        <a:prstGeom prst="line">
                          <a:avLst/>
                        </a:prstGeom>
                        <a:ln w="9525" cap="flat" cmpd="sng" algn="ctr">
                          <a:solidFill>
                            <a:schemeClr val="dk1"/>
                          </a:solidFill>
                          <a:prstDash val="dash"/>
                          <a:round/>
                          <a:headEnd type="none" w="med" len="med"/>
                          <a:tailEnd type="none" w="med" len="med"/>
                        </a:ln>
                      </wps:spPr>
                      <wps:style>
                        <a:lnRef idx="0">
                          <a:scrgbClr r="0" g="0" b="0"/>
                        </a:lnRef>
                        <a:fillRef idx="0">
                          <a:scrgbClr r="0" g="0" b="0"/>
                        </a:fillRef>
                        <a:effectRef idx="0">
                          <a:scrgbClr r="0" g="0" b="0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4ED6AFBB" id="Straight Connector 286" o:spid="_x0000_s1026" style="position:absolute;z-index:2517114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433.05pt,16.95pt" to="440.55pt,16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" strokecolor="black [3200]">
                <v:stroke dashstyle="dash"/>
              </v:line>
            </w:pict>
          </mc:Fallback>
        </mc:AlternateContent>
      </w:r>
      <w:r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710464" behindDoc="0" locked="0" layoutInCell="1" allowOverlap="1" wp14:anchorId="509C1DE3" wp14:editId="1336C27B">
                <wp:simplePos x="0" y="0"/>
                <wp:positionH relativeFrom="column">
                  <wp:posOffset>2295525</wp:posOffset>
                </wp:positionH>
                <wp:positionV relativeFrom="paragraph">
                  <wp:posOffset>217170</wp:posOffset>
                </wp:positionV>
                <wp:extent cx="209550" cy="0"/>
                <wp:effectExtent l="0" t="0" r="19050" b="19050"/>
                <wp:wrapNone/>
                <wp:docPr id="285" name="Straight Connector 28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209550" cy="0"/>
                        </a:xfrm>
                        <a:prstGeom prst="line">
                          <a:avLst/>
                        </a:prstGeom>
                        <a:ln w="9525" cap="flat" cmpd="sng" algn="ctr">
                          <a:solidFill>
                            <a:schemeClr val="dk1"/>
                          </a:solidFill>
                          <a:prstDash val="dash"/>
                          <a:round/>
                          <a:headEnd type="none" w="med" len="med"/>
                          <a:tailEnd type="none" w="med" len="med"/>
                        </a:ln>
                      </wps:spPr>
                      <wps:style>
                        <a:lnRef idx="0">
                          <a:scrgbClr r="0" g="0" b="0"/>
                        </a:lnRef>
                        <a:fillRef idx="0">
                          <a:scrgbClr r="0" g="0" b="0"/>
                        </a:fillRef>
                        <a:effectRef idx="0">
                          <a:scrgbClr r="0" g="0" b="0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1DDEA4E0" id="Straight Connector 285" o:spid="_x0000_s1026" style="position:absolute;z-index:2517104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180.75pt,17.1pt" to="197.25pt,17.1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" strokecolor="black [3200]">
                <v:stroke dashstyle="dash"/>
              </v:line>
            </w:pict>
          </mc:Fallback>
        </mc:AlternateContent>
      </w:r>
      <w:r w:rsidR="00EF397C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98176" behindDoc="0" locked="0" layoutInCell="1" allowOverlap="1" wp14:anchorId="01DEF7B4" wp14:editId="6ABD5F19">
                <wp:simplePos x="0" y="0"/>
                <wp:positionH relativeFrom="column">
                  <wp:posOffset>220345</wp:posOffset>
                </wp:positionH>
                <wp:positionV relativeFrom="paragraph">
                  <wp:posOffset>216535</wp:posOffset>
                </wp:positionV>
                <wp:extent cx="466725" cy="0"/>
                <wp:effectExtent l="0" t="76200" r="9525" b="95250"/>
                <wp:wrapNone/>
                <wp:docPr id="272" name="Straight Arrow Connector 27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466725" cy="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56C85CA3" id="Straight Arrow Connector 272" o:spid="_x0000_s1026" type="#_x0000_t32" style="position:absolute;margin-left:17.35pt;margin-top:17.05pt;width:36.75pt;height:0;z-index:25169817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" strokecolor="black [3040]">
                <v:stroke endarrow="block"/>
              </v:shape>
            </w:pict>
          </mc:Fallback>
        </mc:AlternateContent>
      </w:r>
      <w:r w:rsidR="00EF397C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99200" behindDoc="0" locked="0" layoutInCell="1" allowOverlap="1" wp14:anchorId="3B22AEF5" wp14:editId="7B790320">
                <wp:simplePos x="0" y="0"/>
                <wp:positionH relativeFrom="column">
                  <wp:posOffset>3335655</wp:posOffset>
                </wp:positionH>
                <wp:positionV relativeFrom="paragraph">
                  <wp:posOffset>220345</wp:posOffset>
                </wp:positionV>
                <wp:extent cx="466725" cy="0"/>
                <wp:effectExtent l="0" t="76200" r="9525" b="95250"/>
                <wp:wrapNone/>
                <wp:docPr id="273" name="Straight Arrow Connector 27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466725" cy="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12EEA60B" id="Straight Arrow Connector 273" o:spid="_x0000_s1026" type="#_x0000_t32" style="position:absolute;margin-left:262.65pt;margin-top:17.35pt;width:36.75pt;height:0;z-index:25169920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" strokecolor="black [3040]">
                <v:stroke endarrow="block"/>
              </v:shape>
            </w:pict>
          </mc:Fallback>
        </mc:AlternateContent>
      </w:r>
    </w:p>
    <w:p w14:paraId="2CC5056E" w14:textId="54AC805F" w:rsidR="00196196" w:rsidRDefault="00196196" w:rsidP="00DB254C">
      <w:pPr>
        <w:pStyle w:val="Caption"/>
      </w:pPr>
    </w:p>
    <w:p w14:paraId="263233E1" w14:textId="3C275C05" w:rsidR="00196196" w:rsidRDefault="00196196" w:rsidP="00DB254C">
      <w:pPr>
        <w:pStyle w:val="Caption"/>
      </w:pPr>
    </w:p>
    <w:p w14:paraId="7B717C4B" w14:textId="2ACEEF8D" w:rsidR="00196196" w:rsidRDefault="003F0493" w:rsidP="00DB254C">
      <w:pPr>
        <w:pStyle w:val="Caption"/>
      </w:pPr>
      <w:r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700224" behindDoc="0" locked="0" layoutInCell="1" allowOverlap="1" wp14:anchorId="715B90C3" wp14:editId="6651F662">
                <wp:simplePos x="0" y="0"/>
                <wp:positionH relativeFrom="column">
                  <wp:posOffset>1146810</wp:posOffset>
                </wp:positionH>
                <wp:positionV relativeFrom="paragraph">
                  <wp:posOffset>200660</wp:posOffset>
                </wp:positionV>
                <wp:extent cx="0" cy="114300"/>
                <wp:effectExtent l="76200" t="0" r="57150" b="57150"/>
                <wp:wrapNone/>
                <wp:docPr id="274" name="Straight Arrow Connector 27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0" cy="11430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721767C1" id="Straight Arrow Connector 274" o:spid="_x0000_s1026" type="#_x0000_t32" style="position:absolute;margin-left:90.3pt;margin-top:15.8pt;width:0;height:9pt;z-index:25170022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" strokecolor="black [3040]">
                <v:stroke endarrow="block"/>
              </v:shape>
            </w:pict>
          </mc:Fallback>
        </mc:AlternateContent>
      </w:r>
      <w:r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701248" behindDoc="0" locked="0" layoutInCell="1" allowOverlap="1" wp14:anchorId="16D59FAB" wp14:editId="2AC4F663">
                <wp:simplePos x="0" y="0"/>
                <wp:positionH relativeFrom="column">
                  <wp:posOffset>4236720</wp:posOffset>
                </wp:positionH>
                <wp:positionV relativeFrom="paragraph">
                  <wp:posOffset>204470</wp:posOffset>
                </wp:positionV>
                <wp:extent cx="0" cy="114300"/>
                <wp:effectExtent l="76200" t="0" r="57150" b="57150"/>
                <wp:wrapNone/>
                <wp:docPr id="276" name="Straight Arrow Connector 27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0" cy="11430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E9251D0" id="Straight Arrow Connector 276" o:spid="_x0000_s1026" type="#_x0000_t32" style="position:absolute;margin-left:333.6pt;margin-top:16.1pt;width:0;height:9pt;z-index:2517012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" strokecolor="black [3040]">
                <v:stroke endarrow="block"/>
              </v:shape>
            </w:pict>
          </mc:Fallback>
        </mc:AlternateContent>
      </w:r>
    </w:p>
    <w:p w14:paraId="425BECA6" w14:textId="5EBD5478" w:rsidR="00196196" w:rsidRDefault="003F0493" w:rsidP="00DB254C">
      <w:pPr>
        <w:pStyle w:val="Caption"/>
      </w:pPr>
      <w:r w:rsidRPr="00110DC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75648" behindDoc="0" locked="0" layoutInCell="1" allowOverlap="1" wp14:anchorId="4842FA6A" wp14:editId="6180C099">
                <wp:simplePos x="0" y="0"/>
                <wp:positionH relativeFrom="column">
                  <wp:posOffset>3777615</wp:posOffset>
                </wp:positionH>
                <wp:positionV relativeFrom="paragraph">
                  <wp:posOffset>78740</wp:posOffset>
                </wp:positionV>
                <wp:extent cx="1144270" cy="457835"/>
                <wp:effectExtent l="0" t="0" r="17780" b="18415"/>
                <wp:wrapNone/>
                <wp:docPr id="332" name="Text Box 33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144270" cy="45783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7794CD69" w14:textId="77777777" w:rsidR="00EE797C" w:rsidRPr="00EB023F" w:rsidRDefault="00EE797C" w:rsidP="003035BD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EB023F">
                              <w:rPr>
                                <w:sz w:val="16"/>
                                <w:szCs w:val="16"/>
                              </w:rPr>
                              <w:t>Per protocol analysis:</w:t>
                            </w:r>
                          </w:p>
                          <w:p w14:paraId="2299246A" w14:textId="77777777" w:rsidR="00EE797C" w:rsidRPr="00EB023F" w:rsidRDefault="00EE797C" w:rsidP="003035BD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EB023F">
                              <w:rPr>
                                <w:sz w:val="16"/>
                                <w:szCs w:val="16"/>
                              </w:rPr>
                              <w:t>Included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38</w:t>
                            </w:r>
                            <w:r w:rsidRPr="00EB023F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  <w:p w14:paraId="6816C64E" w14:textId="77777777" w:rsidR="00EE797C" w:rsidRPr="00535742" w:rsidRDefault="00EE797C" w:rsidP="003035BD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EB023F">
                              <w:rPr>
                                <w:sz w:val="16"/>
                                <w:szCs w:val="16"/>
                              </w:rPr>
                              <w:t>Excluded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0</w:t>
                            </w:r>
                            <w:r w:rsidRPr="00EB023F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4842FA6A" id="_x0000_t202" coordsize="21600,21600" o:spt="202" path="m,l,21600r21600,l21600,xe">
                <v:stroke joinstyle="miter"/>
                <v:path gradientshapeok="t" o:connecttype="rect"/>
              </v:shapetype>
              <v:shape id="Text Box 332" o:spid="_x0000_s1044" type="#_x0000_t202" style="position:absolute;margin-left:297.45pt;margin-top:6.2pt;width:90.1pt;height:36.05pt;z-index:2516756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" fillcolor="white [3201]" strokeweight=".5pt">
                <v:textbox>
                  <w:txbxContent>
                    <w:p w14:paraId="7794CD69" w14:textId="77777777" w:rsidR="00EE797C" w:rsidRPr="00EB023F" w:rsidRDefault="00EE797C" w:rsidP="003035BD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EB023F">
                        <w:rPr>
                          <w:sz w:val="16"/>
                          <w:szCs w:val="16"/>
                        </w:rPr>
                        <w:t>Per protocol analysis:</w:t>
                      </w:r>
                    </w:p>
                    <w:p w14:paraId="2299246A" w14:textId="77777777" w:rsidR="00EE797C" w:rsidRPr="00EB023F" w:rsidRDefault="00EE797C" w:rsidP="003035BD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EB023F">
                        <w:rPr>
                          <w:sz w:val="16"/>
                          <w:szCs w:val="16"/>
                        </w:rPr>
                        <w:t>Included (n=</w:t>
                      </w:r>
                      <w:r>
                        <w:rPr>
                          <w:sz w:val="16"/>
                          <w:szCs w:val="16"/>
                        </w:rPr>
                        <w:t>38</w:t>
                      </w:r>
                      <w:r w:rsidRPr="00EB023F">
                        <w:rPr>
                          <w:sz w:val="16"/>
                          <w:szCs w:val="16"/>
                        </w:rPr>
                        <w:t>)</w:t>
                      </w:r>
                    </w:p>
                    <w:p w14:paraId="6816C64E" w14:textId="77777777" w:rsidR="00EE797C" w:rsidRPr="00535742" w:rsidRDefault="00EE797C" w:rsidP="003035BD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EB023F">
                        <w:rPr>
                          <w:sz w:val="16"/>
                          <w:szCs w:val="16"/>
                        </w:rPr>
                        <w:t>Excluded (n=</w:t>
                      </w:r>
                      <w:r>
                        <w:rPr>
                          <w:sz w:val="16"/>
                          <w:szCs w:val="16"/>
                        </w:rPr>
                        <w:t>0</w:t>
                      </w:r>
                      <w:r w:rsidRPr="00EB023F">
                        <w:rPr>
                          <w:sz w:val="16"/>
                          <w:szCs w:val="16"/>
                        </w:rPr>
                        <w:t>)</w:t>
                      </w:r>
                    </w:p>
                  </w:txbxContent>
                </v:textbox>
              </v:shape>
            </w:pict>
          </mc:Fallback>
        </mc:AlternateContent>
      </w:r>
      <w:r w:rsidR="00B061A6" w:rsidRPr="00110DC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76672" behindDoc="0" locked="0" layoutInCell="1" allowOverlap="1" wp14:anchorId="6EF68E5A" wp14:editId="7489814D">
                <wp:simplePos x="0" y="0"/>
                <wp:positionH relativeFrom="column">
                  <wp:posOffset>690245</wp:posOffset>
                </wp:positionH>
                <wp:positionV relativeFrom="paragraph">
                  <wp:posOffset>80010</wp:posOffset>
                </wp:positionV>
                <wp:extent cx="1140031" cy="452120"/>
                <wp:effectExtent l="0" t="0" r="22225" b="24130"/>
                <wp:wrapNone/>
                <wp:docPr id="333" name="Text Box 33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140031" cy="45212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4CC28955" w14:textId="77777777" w:rsidR="00EE797C" w:rsidRPr="00F336CE" w:rsidRDefault="00EE797C" w:rsidP="003035BD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Per protocol analysis:</w:t>
                            </w:r>
                          </w:p>
                          <w:p w14:paraId="5E1B6A67" w14:textId="77777777" w:rsidR="00EE797C" w:rsidRPr="00F336CE" w:rsidRDefault="00EE797C" w:rsidP="003035BD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Included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31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  <w:p w14:paraId="5CCDDA2B" w14:textId="77777777" w:rsidR="00EE797C" w:rsidRPr="00EB023F" w:rsidRDefault="00EE797C" w:rsidP="003035BD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Excluded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1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EF68E5A" id="Text Box 333" o:spid="_x0000_s1045" type="#_x0000_t202" style="position:absolute;margin-left:54.35pt;margin-top:6.3pt;width:89.75pt;height:35.6pt;z-index:2516766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" fillcolor="white [3201]" strokeweight=".5pt">
                <v:textbox>
                  <w:txbxContent>
                    <w:p w14:paraId="4CC28955" w14:textId="77777777" w:rsidR="00EE797C" w:rsidRPr="00F336CE" w:rsidRDefault="00EE797C" w:rsidP="003035BD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Per protocol analysis:</w:t>
                      </w:r>
                    </w:p>
                    <w:p w14:paraId="5E1B6A67" w14:textId="77777777" w:rsidR="00EE797C" w:rsidRPr="00F336CE" w:rsidRDefault="00EE797C" w:rsidP="003035BD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Included (n=</w:t>
                      </w:r>
                      <w:r>
                        <w:rPr>
                          <w:sz w:val="16"/>
                          <w:szCs w:val="16"/>
                        </w:rPr>
                        <w:t>31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  <w:p w14:paraId="5CCDDA2B" w14:textId="77777777" w:rsidR="00EE797C" w:rsidRPr="00EB023F" w:rsidRDefault="00EE797C" w:rsidP="003035BD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Excluded (n=</w:t>
                      </w:r>
                      <w:r>
                        <w:rPr>
                          <w:sz w:val="16"/>
                          <w:szCs w:val="16"/>
                        </w:rPr>
                        <w:t>1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</w:txbxContent>
                </v:textbox>
              </v:shape>
            </w:pict>
          </mc:Fallback>
        </mc:AlternateContent>
      </w:r>
    </w:p>
    <w:p w14:paraId="1C0AA3C8" w14:textId="1E9C46D2" w:rsidR="00196196" w:rsidRDefault="00196196" w:rsidP="00DB254C">
      <w:pPr>
        <w:pStyle w:val="Caption"/>
      </w:pPr>
    </w:p>
    <w:p w14:paraId="4BDC74BD" w14:textId="1348B168" w:rsidR="00196196" w:rsidRDefault="003F0493" w:rsidP="00DB254C">
      <w:pPr>
        <w:pStyle w:val="Caption"/>
      </w:pPr>
      <w:bookmarkStart w:id="30" w:name="_GoBack"/>
      <w:bookmarkEnd w:id="30"/>
      <w:r w:rsidRPr="00110DC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77696" behindDoc="0" locked="0" layoutInCell="1" allowOverlap="1" wp14:anchorId="22318FEC" wp14:editId="28FEE708">
                <wp:simplePos x="0" y="0"/>
                <wp:positionH relativeFrom="column">
                  <wp:posOffset>3081655</wp:posOffset>
                </wp:positionH>
                <wp:positionV relativeFrom="paragraph">
                  <wp:posOffset>198755</wp:posOffset>
                </wp:positionV>
                <wp:extent cx="1931035" cy="809625"/>
                <wp:effectExtent l="0" t="0" r="12065" b="28575"/>
                <wp:wrapNone/>
                <wp:docPr id="257" name="Text Box 25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931035" cy="80962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21695547" w14:textId="77777777" w:rsidR="00EE797C" w:rsidRPr="00F336CE" w:rsidRDefault="00EE797C" w:rsidP="00DB254C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Intention to treat analysis:</w:t>
                            </w:r>
                          </w:p>
                          <w:p w14:paraId="60F93858" w14:textId="77777777" w:rsidR="00EE797C" w:rsidRDefault="00EE797C" w:rsidP="00DB254C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Included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38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  <w:p w14:paraId="53F3779C" w14:textId="77777777" w:rsidR="00EE797C" w:rsidRPr="00F661C8" w:rsidRDefault="00EE797C" w:rsidP="00DB254C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F661C8">
                              <w:rPr>
                                <w:sz w:val="14"/>
                                <w:szCs w:val="14"/>
                              </w:rPr>
                              <w:t>Completed regimen (n=</w:t>
                            </w:r>
                            <w:r>
                              <w:rPr>
                                <w:sz w:val="14"/>
                                <w:szCs w:val="14"/>
                              </w:rPr>
                              <w:t>0</w:t>
                            </w:r>
                            <w:r w:rsidRPr="00F661C8">
                              <w:rPr>
                                <w:sz w:val="14"/>
                                <w:szCs w:val="14"/>
                              </w:rPr>
                              <w:t>)</w:t>
                            </w:r>
                          </w:p>
                          <w:p w14:paraId="3E408E3D" w14:textId="77777777" w:rsidR="00EE797C" w:rsidRPr="00F661C8" w:rsidRDefault="00EE797C" w:rsidP="00DB254C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F661C8">
                              <w:rPr>
                                <w:sz w:val="14"/>
                                <w:szCs w:val="14"/>
                              </w:rPr>
                              <w:t>Did not complete regimen (n=</w:t>
                            </w:r>
                            <w:r>
                              <w:rPr>
                                <w:sz w:val="14"/>
                                <w:szCs w:val="14"/>
                              </w:rPr>
                              <w:t>38</w:t>
                            </w:r>
                            <w:r w:rsidRPr="00F661C8">
                              <w:rPr>
                                <w:sz w:val="14"/>
                                <w:szCs w:val="14"/>
                              </w:rPr>
                              <w:t>)</w:t>
                            </w:r>
                          </w:p>
                          <w:p w14:paraId="4D9D8995" w14:textId="77777777" w:rsidR="00EE797C" w:rsidRPr="00F661C8" w:rsidRDefault="00EE797C" w:rsidP="00DB254C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F661C8">
                              <w:rPr>
                                <w:sz w:val="14"/>
                                <w:szCs w:val="14"/>
                              </w:rPr>
                              <w:t>Did not start treatment (n=</w:t>
                            </w:r>
                            <w:r>
                              <w:rPr>
                                <w:sz w:val="14"/>
                                <w:szCs w:val="14"/>
                              </w:rPr>
                              <w:t>0</w:t>
                            </w:r>
                            <w:r w:rsidRPr="00F661C8">
                              <w:rPr>
                                <w:sz w:val="14"/>
                                <w:szCs w:val="14"/>
                              </w:rPr>
                              <w:t>)</w:t>
                            </w:r>
                          </w:p>
                          <w:p w14:paraId="2FB407A6" w14:textId="77777777" w:rsidR="00EE797C" w:rsidRPr="00F336CE" w:rsidRDefault="00EE797C" w:rsidP="00DB254C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F336CE">
                              <w:rPr>
                                <w:sz w:val="16"/>
                                <w:szCs w:val="16"/>
                              </w:rPr>
                              <w:t>Excluded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0</w:t>
                            </w:r>
                            <w:r w:rsidRPr="00F336CE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  <w:p w14:paraId="1CB61C3E" w14:textId="576603DD" w:rsidR="00EE797C" w:rsidRPr="00F336CE" w:rsidRDefault="00EE797C" w:rsidP="003035BD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2318FEC" id="Text Box 257" o:spid="_x0000_s1046" type="#_x0000_t202" style="position:absolute;margin-left:242.65pt;margin-top:15.65pt;width:152.05pt;height:63.75pt;z-index:25167769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" fillcolor="white [3201]" strokeweight=".5pt">
                <v:textbox>
                  <w:txbxContent>
                    <w:p w14:paraId="21695547" w14:textId="77777777" w:rsidR="00EE797C" w:rsidRPr="00F336CE" w:rsidRDefault="00EE797C" w:rsidP="00DB254C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Intention to treat analysis:</w:t>
                      </w:r>
                    </w:p>
                    <w:p w14:paraId="60F93858" w14:textId="77777777" w:rsidR="00EE797C" w:rsidRDefault="00EE797C" w:rsidP="00DB254C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Included (n=</w:t>
                      </w:r>
                      <w:r>
                        <w:rPr>
                          <w:sz w:val="16"/>
                          <w:szCs w:val="16"/>
                        </w:rPr>
                        <w:t>38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  <w:p w14:paraId="53F3779C" w14:textId="77777777" w:rsidR="00EE797C" w:rsidRPr="00F661C8" w:rsidRDefault="00EE797C" w:rsidP="00DB254C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F661C8">
                        <w:rPr>
                          <w:sz w:val="14"/>
                          <w:szCs w:val="14"/>
                        </w:rPr>
                        <w:t>Completed regimen (n=</w:t>
                      </w:r>
                      <w:r>
                        <w:rPr>
                          <w:sz w:val="14"/>
                          <w:szCs w:val="14"/>
                        </w:rPr>
                        <w:t>0</w:t>
                      </w:r>
                      <w:r w:rsidRPr="00F661C8">
                        <w:rPr>
                          <w:sz w:val="14"/>
                          <w:szCs w:val="14"/>
                        </w:rPr>
                        <w:t>)</w:t>
                      </w:r>
                    </w:p>
                    <w:p w14:paraId="3E408E3D" w14:textId="77777777" w:rsidR="00EE797C" w:rsidRPr="00F661C8" w:rsidRDefault="00EE797C" w:rsidP="00DB254C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F661C8">
                        <w:rPr>
                          <w:sz w:val="14"/>
                          <w:szCs w:val="14"/>
                        </w:rPr>
                        <w:t>Did not complete regimen (n=</w:t>
                      </w:r>
                      <w:r>
                        <w:rPr>
                          <w:sz w:val="14"/>
                          <w:szCs w:val="14"/>
                        </w:rPr>
                        <w:t>38</w:t>
                      </w:r>
                      <w:r w:rsidRPr="00F661C8">
                        <w:rPr>
                          <w:sz w:val="14"/>
                          <w:szCs w:val="14"/>
                        </w:rPr>
                        <w:t>)</w:t>
                      </w:r>
                    </w:p>
                    <w:p w14:paraId="4D9D8995" w14:textId="77777777" w:rsidR="00EE797C" w:rsidRPr="00F661C8" w:rsidRDefault="00EE797C" w:rsidP="00DB254C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F661C8">
                        <w:rPr>
                          <w:sz w:val="14"/>
                          <w:szCs w:val="14"/>
                        </w:rPr>
                        <w:t>Did not start treatment (n=</w:t>
                      </w:r>
                      <w:r>
                        <w:rPr>
                          <w:sz w:val="14"/>
                          <w:szCs w:val="14"/>
                        </w:rPr>
                        <w:t>0</w:t>
                      </w:r>
                      <w:r w:rsidRPr="00F661C8">
                        <w:rPr>
                          <w:sz w:val="14"/>
                          <w:szCs w:val="14"/>
                        </w:rPr>
                        <w:t>)</w:t>
                      </w:r>
                    </w:p>
                    <w:p w14:paraId="2FB407A6" w14:textId="77777777" w:rsidR="00EE797C" w:rsidRPr="00F336CE" w:rsidRDefault="00EE797C" w:rsidP="00DB254C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F336CE">
                        <w:rPr>
                          <w:sz w:val="16"/>
                          <w:szCs w:val="16"/>
                        </w:rPr>
                        <w:t>Excluded (n=</w:t>
                      </w:r>
                      <w:r>
                        <w:rPr>
                          <w:sz w:val="16"/>
                          <w:szCs w:val="16"/>
                        </w:rPr>
                        <w:t>0</w:t>
                      </w:r>
                      <w:r w:rsidRPr="00F336CE">
                        <w:rPr>
                          <w:sz w:val="16"/>
                          <w:szCs w:val="16"/>
                        </w:rPr>
                        <w:t>)</w:t>
                      </w:r>
                    </w:p>
                    <w:p w14:paraId="1CB61C3E" w14:textId="576603DD" w:rsidR="00EE797C" w:rsidRPr="00F336CE" w:rsidRDefault="00EE797C" w:rsidP="003035BD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</w:p>
                  </w:txbxContent>
                </v:textbox>
              </v:shape>
            </w:pict>
          </mc:Fallback>
        </mc:AlternateContent>
      </w:r>
      <w:r w:rsidRPr="00110DC3"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78720" behindDoc="0" locked="0" layoutInCell="1" allowOverlap="1" wp14:anchorId="43A382B4" wp14:editId="042FC7F3">
                <wp:simplePos x="0" y="0"/>
                <wp:positionH relativeFrom="column">
                  <wp:posOffset>-1905</wp:posOffset>
                </wp:positionH>
                <wp:positionV relativeFrom="paragraph">
                  <wp:posOffset>216535</wp:posOffset>
                </wp:positionV>
                <wp:extent cx="1931035" cy="819150"/>
                <wp:effectExtent l="0" t="0" r="12065" b="19050"/>
                <wp:wrapNone/>
                <wp:docPr id="334" name="Text Box 33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931035" cy="81915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7AF26ADF" w14:textId="77777777" w:rsidR="00EE797C" w:rsidRPr="00EB023F" w:rsidRDefault="00EE797C" w:rsidP="00DB254C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EB023F">
                              <w:rPr>
                                <w:sz w:val="16"/>
                                <w:szCs w:val="16"/>
                              </w:rPr>
                              <w:t>Intention to treat analysis:</w:t>
                            </w:r>
                          </w:p>
                          <w:p w14:paraId="40FADCBB" w14:textId="77777777" w:rsidR="00EE797C" w:rsidRDefault="00EE797C" w:rsidP="00DB254C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EB023F">
                              <w:rPr>
                                <w:sz w:val="16"/>
                                <w:szCs w:val="16"/>
                              </w:rPr>
                              <w:t>Included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32</w:t>
                            </w:r>
                            <w:r w:rsidRPr="00EB023F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  <w:p w14:paraId="72F2C52D" w14:textId="77777777" w:rsidR="00EE797C" w:rsidRPr="00F661C8" w:rsidRDefault="00EE797C" w:rsidP="00DB254C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F661C8">
                              <w:rPr>
                                <w:sz w:val="14"/>
                                <w:szCs w:val="14"/>
                              </w:rPr>
                              <w:t>Completed regimen (n=1)</w:t>
                            </w:r>
                          </w:p>
                          <w:p w14:paraId="668347FB" w14:textId="77777777" w:rsidR="00EE797C" w:rsidRPr="00F661C8" w:rsidRDefault="00EE797C" w:rsidP="00DB254C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F661C8">
                              <w:rPr>
                                <w:sz w:val="14"/>
                                <w:szCs w:val="14"/>
                              </w:rPr>
                              <w:t>Did not complete regimen (n=30)</w:t>
                            </w:r>
                          </w:p>
                          <w:p w14:paraId="556D531B" w14:textId="77777777" w:rsidR="00EE797C" w:rsidRPr="00F661C8" w:rsidRDefault="00EE797C" w:rsidP="00DB254C">
                            <w:pPr>
                              <w:pStyle w:val="NoSpacing"/>
                              <w:numPr>
                                <w:ilvl w:val="0"/>
                                <w:numId w:val="6"/>
                              </w:numPr>
                              <w:ind w:left="360" w:hanging="180"/>
                              <w:rPr>
                                <w:sz w:val="14"/>
                                <w:szCs w:val="14"/>
                              </w:rPr>
                            </w:pPr>
                            <w:r w:rsidRPr="00F661C8">
                              <w:rPr>
                                <w:sz w:val="14"/>
                                <w:szCs w:val="14"/>
                              </w:rPr>
                              <w:t>Did not start treatment (n=1)</w:t>
                            </w:r>
                          </w:p>
                          <w:p w14:paraId="5E1A145D" w14:textId="77777777" w:rsidR="00EE797C" w:rsidRPr="00F661C8" w:rsidRDefault="00EE797C" w:rsidP="00DB254C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F661C8">
                              <w:rPr>
                                <w:sz w:val="16"/>
                                <w:szCs w:val="16"/>
                              </w:rPr>
                              <w:t>Excluded (n=0)</w:t>
                            </w:r>
                          </w:p>
                          <w:p w14:paraId="11663804" w14:textId="0A28BE1D" w:rsidR="00EE797C" w:rsidRPr="00EB023F" w:rsidRDefault="00EE797C" w:rsidP="003035BD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EB023F">
                              <w:rPr>
                                <w:sz w:val="16"/>
                                <w:szCs w:val="16"/>
                              </w:rPr>
                              <w:t>Intention to treat analysis:</w:t>
                            </w:r>
                          </w:p>
                          <w:p w14:paraId="197F9B7E" w14:textId="7B7874F8" w:rsidR="00EE797C" w:rsidRPr="00EB023F" w:rsidRDefault="00EE797C" w:rsidP="003035BD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EB023F">
                              <w:rPr>
                                <w:sz w:val="16"/>
                                <w:szCs w:val="16"/>
                              </w:rPr>
                              <w:t>Included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32</w:t>
                            </w:r>
                            <w:r w:rsidRPr="00EB023F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  <w:p w14:paraId="4F7CE06D" w14:textId="76782A0F" w:rsidR="00EE797C" w:rsidRPr="00EB023F" w:rsidRDefault="00EE797C" w:rsidP="003035BD">
                            <w:pPr>
                              <w:pStyle w:val="NoSpacing"/>
                              <w:rPr>
                                <w:sz w:val="16"/>
                                <w:szCs w:val="16"/>
                              </w:rPr>
                            </w:pPr>
                            <w:r w:rsidRPr="00EB023F">
                              <w:rPr>
                                <w:sz w:val="16"/>
                                <w:szCs w:val="16"/>
                              </w:rPr>
                              <w:t>Excluded (n=</w:t>
                            </w:r>
                            <w:r>
                              <w:rPr>
                                <w:sz w:val="16"/>
                                <w:szCs w:val="16"/>
                              </w:rPr>
                              <w:t>0</w:t>
                            </w:r>
                            <w:r w:rsidRPr="00EB023F">
                              <w:rPr>
                                <w:sz w:val="16"/>
                                <w:szCs w:val="16"/>
                              </w:rPr>
                              <w:t>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3A382B4" id="Text Box 334" o:spid="_x0000_s1047" type="#_x0000_t202" style="position:absolute;margin-left:-.15pt;margin-top:17.05pt;width:152.05pt;height:64.5pt;z-index:2516787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" fillcolor="white [3201]" strokeweight=".5pt">
                <v:textbox>
                  <w:txbxContent>
                    <w:p w14:paraId="7AF26ADF" w14:textId="77777777" w:rsidR="00EE797C" w:rsidRPr="00EB023F" w:rsidRDefault="00EE797C" w:rsidP="00DB254C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EB023F">
                        <w:rPr>
                          <w:sz w:val="16"/>
                          <w:szCs w:val="16"/>
                        </w:rPr>
                        <w:t>Intention to treat analysis:</w:t>
                      </w:r>
                    </w:p>
                    <w:p w14:paraId="40FADCBB" w14:textId="77777777" w:rsidR="00EE797C" w:rsidRDefault="00EE797C" w:rsidP="00DB254C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EB023F">
                        <w:rPr>
                          <w:sz w:val="16"/>
                          <w:szCs w:val="16"/>
                        </w:rPr>
                        <w:t>Included (n=</w:t>
                      </w:r>
                      <w:r>
                        <w:rPr>
                          <w:sz w:val="16"/>
                          <w:szCs w:val="16"/>
                        </w:rPr>
                        <w:t>32</w:t>
                      </w:r>
                      <w:r w:rsidRPr="00EB023F">
                        <w:rPr>
                          <w:sz w:val="16"/>
                          <w:szCs w:val="16"/>
                        </w:rPr>
                        <w:t>)</w:t>
                      </w:r>
                    </w:p>
                    <w:p w14:paraId="72F2C52D" w14:textId="77777777" w:rsidR="00EE797C" w:rsidRPr="00F661C8" w:rsidRDefault="00EE797C" w:rsidP="00DB254C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F661C8">
                        <w:rPr>
                          <w:sz w:val="14"/>
                          <w:szCs w:val="14"/>
                        </w:rPr>
                        <w:t>Completed regimen (n=1)</w:t>
                      </w:r>
                    </w:p>
                    <w:p w14:paraId="668347FB" w14:textId="77777777" w:rsidR="00EE797C" w:rsidRPr="00F661C8" w:rsidRDefault="00EE797C" w:rsidP="00DB254C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F661C8">
                        <w:rPr>
                          <w:sz w:val="14"/>
                          <w:szCs w:val="14"/>
                        </w:rPr>
                        <w:t>Did not complete regimen (n=30)</w:t>
                      </w:r>
                    </w:p>
                    <w:p w14:paraId="556D531B" w14:textId="77777777" w:rsidR="00EE797C" w:rsidRPr="00F661C8" w:rsidRDefault="00EE797C" w:rsidP="00DB254C">
                      <w:pPr>
                        <w:pStyle w:val="NoSpacing"/>
                        <w:numPr>
                          <w:ilvl w:val="0"/>
                          <w:numId w:val="6"/>
                        </w:numPr>
                        <w:ind w:left="360" w:hanging="180"/>
                        <w:rPr>
                          <w:sz w:val="14"/>
                          <w:szCs w:val="14"/>
                        </w:rPr>
                      </w:pPr>
                      <w:r w:rsidRPr="00F661C8">
                        <w:rPr>
                          <w:sz w:val="14"/>
                          <w:szCs w:val="14"/>
                        </w:rPr>
                        <w:t>Did not start treatment (n=1)</w:t>
                      </w:r>
                    </w:p>
                    <w:p w14:paraId="5E1A145D" w14:textId="77777777" w:rsidR="00EE797C" w:rsidRPr="00F661C8" w:rsidRDefault="00EE797C" w:rsidP="00DB254C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F661C8">
                        <w:rPr>
                          <w:sz w:val="16"/>
                          <w:szCs w:val="16"/>
                        </w:rPr>
                        <w:t>Excluded (n=0)</w:t>
                      </w:r>
                    </w:p>
                    <w:p w14:paraId="11663804" w14:textId="0A28BE1D" w:rsidR="00EE797C" w:rsidRPr="00EB023F" w:rsidRDefault="00EE797C" w:rsidP="003035BD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EB023F">
                        <w:rPr>
                          <w:sz w:val="16"/>
                          <w:szCs w:val="16"/>
                        </w:rPr>
                        <w:t>Intention to treat analysis:</w:t>
                      </w:r>
                    </w:p>
                    <w:p w14:paraId="197F9B7E" w14:textId="7B7874F8" w:rsidR="00EE797C" w:rsidRPr="00EB023F" w:rsidRDefault="00EE797C" w:rsidP="003035BD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EB023F">
                        <w:rPr>
                          <w:sz w:val="16"/>
                          <w:szCs w:val="16"/>
                        </w:rPr>
                        <w:t>Included (n=</w:t>
                      </w:r>
                      <w:r>
                        <w:rPr>
                          <w:sz w:val="16"/>
                          <w:szCs w:val="16"/>
                        </w:rPr>
                        <w:t>32</w:t>
                      </w:r>
                      <w:r w:rsidRPr="00EB023F">
                        <w:rPr>
                          <w:sz w:val="16"/>
                          <w:szCs w:val="16"/>
                        </w:rPr>
                        <w:t>)</w:t>
                      </w:r>
                    </w:p>
                    <w:p w14:paraId="4F7CE06D" w14:textId="76782A0F" w:rsidR="00EE797C" w:rsidRPr="00EB023F" w:rsidRDefault="00EE797C" w:rsidP="003035BD">
                      <w:pPr>
                        <w:pStyle w:val="NoSpacing"/>
                        <w:rPr>
                          <w:sz w:val="16"/>
                          <w:szCs w:val="16"/>
                        </w:rPr>
                      </w:pPr>
                      <w:r w:rsidRPr="00EB023F">
                        <w:rPr>
                          <w:sz w:val="16"/>
                          <w:szCs w:val="16"/>
                        </w:rPr>
                        <w:t>Excluded (n=</w:t>
                      </w:r>
                      <w:r>
                        <w:rPr>
                          <w:sz w:val="16"/>
                          <w:szCs w:val="16"/>
                        </w:rPr>
                        <w:t>0</w:t>
                      </w:r>
                      <w:r w:rsidRPr="00EB023F">
                        <w:rPr>
                          <w:sz w:val="16"/>
                          <w:szCs w:val="16"/>
                        </w:rPr>
                        <w:t>)</w:t>
                      </w:r>
                    </w:p>
                  </w:txbxContent>
                </v:textbox>
              </v:shape>
            </w:pict>
          </mc:Fallback>
        </mc:AlternateContent>
      </w:r>
    </w:p>
    <w:p w14:paraId="7218FE86" w14:textId="5123D09A" w:rsidR="00196196" w:rsidRDefault="00196196" w:rsidP="009F6C05">
      <w:pPr>
        <w:pStyle w:val="Caption"/>
      </w:pPr>
    </w:p>
    <w:p w14:paraId="69CF07BE" w14:textId="78075D55" w:rsidR="00196196" w:rsidRDefault="000F1435" w:rsidP="00AB3D17">
      <w:pPr>
        <w:pStyle w:val="Caption"/>
      </w:pPr>
      <w:r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728896" behindDoc="0" locked="0" layoutInCell="1" allowOverlap="1" wp14:anchorId="537B4A0D" wp14:editId="12CDE4C7">
                <wp:simplePos x="0" y="0"/>
                <wp:positionH relativeFrom="column">
                  <wp:posOffset>1952478</wp:posOffset>
                </wp:positionH>
                <wp:positionV relativeFrom="paragraph">
                  <wp:posOffset>23229</wp:posOffset>
                </wp:positionV>
                <wp:extent cx="561975" cy="0"/>
                <wp:effectExtent l="0" t="0" r="9525" b="19050"/>
                <wp:wrapNone/>
                <wp:docPr id="350" name="Straight Connector 35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561975" cy="0"/>
                        </a:xfrm>
                        <a:prstGeom prst="line">
                          <a:avLst/>
                        </a:prstGeom>
                        <a:noFill/>
                        <a:ln w="9525" cap="flat" cmpd="sng" algn="ctr">
                          <a:solidFill>
                            <a:sysClr val="windowText" lastClr="000000"/>
                          </a:solidFill>
                          <a:prstDash val="dash"/>
                          <a:round/>
                          <a:headEnd type="none" w="med" len="med"/>
                          <a:tailEnd type="none" w="med" len="med"/>
                        </a:ln>
                        <a:effectLst/>
                      </wps:spPr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6F78B3AC" id="Straight Connector 350" o:spid="_x0000_s1026" style="position:absolute;z-index:25172889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153.75pt,1.85pt" to="198pt,1.8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" strokecolor="windowText">
                <v:stroke dashstyle="dash"/>
              </v:line>
            </w:pict>
          </mc:Fallback>
        </mc:AlternateContent>
      </w:r>
      <w:r>
        <w:rPr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709440" behindDoc="0" locked="0" layoutInCell="1" allowOverlap="1" wp14:anchorId="1E28F75B" wp14:editId="2E2D087C">
                <wp:simplePos x="0" y="0"/>
                <wp:positionH relativeFrom="column">
                  <wp:posOffset>5029200</wp:posOffset>
                </wp:positionH>
                <wp:positionV relativeFrom="paragraph">
                  <wp:posOffset>22964</wp:posOffset>
                </wp:positionV>
                <wp:extent cx="561975" cy="0"/>
                <wp:effectExtent l="0" t="0" r="9525" b="19050"/>
                <wp:wrapNone/>
                <wp:docPr id="284" name="Straight Connector 28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561975" cy="0"/>
                        </a:xfrm>
                        <a:prstGeom prst="line">
                          <a:avLst/>
                        </a:prstGeom>
                        <a:ln w="9525" cap="flat" cmpd="sng" algn="ctr">
                          <a:solidFill>
                            <a:schemeClr val="dk1"/>
                          </a:solidFill>
                          <a:prstDash val="dash"/>
                          <a:round/>
                          <a:headEnd type="none" w="med" len="med"/>
                          <a:tailEnd type="none" w="med" len="med"/>
                        </a:ln>
                      </wps:spPr>
                      <wps:style>
                        <a:lnRef idx="0">
                          <a:scrgbClr r="0" g="0" b="0"/>
                        </a:lnRef>
                        <a:fillRef idx="0">
                          <a:scrgbClr r="0" g="0" b="0"/>
                        </a:fillRef>
                        <a:effectRef idx="0">
                          <a:scrgbClr r="0" g="0" b="0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4144C000" id="Straight Connector 284" o:spid="_x0000_s1026" style="position:absolute;z-index:25170944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396pt,1.8pt" to="440.25pt,1.8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" strokecolor="black [3200]">
                <v:stroke dashstyle="dash"/>
              </v:line>
            </w:pict>
          </mc:Fallback>
        </mc:AlternateContent>
      </w:r>
    </w:p>
    <w:p w14:paraId="0E5ABA77" w14:textId="25212A15" w:rsidR="003F0493" w:rsidRDefault="003F0493" w:rsidP="00DB7731">
      <w:pPr>
        <w:pStyle w:val="Caption"/>
      </w:pPr>
      <w:bookmarkStart w:id="31" w:name="_Hlk13221279"/>
    </w:p>
    <w:p w14:paraId="224F6891" w14:textId="5E7374F5" w:rsidR="00C431F6" w:rsidRDefault="00AB3D17" w:rsidP="00DB7731">
      <w:pPr>
        <w:pStyle w:val="Caption"/>
      </w:pPr>
      <w:r>
        <w:t xml:space="preserve">Figure </w:t>
      </w:r>
      <w:r>
        <w:fldChar w:fldCharType="begin"/>
      </w:r>
      <w:r>
        <w:instrText xml:space="preserve"> SEQ Figure \* ARABIC </w:instrText>
      </w:r>
      <w:r>
        <w:fldChar w:fldCharType="separate"/>
      </w:r>
      <w:r w:rsidR="00451C2F">
        <w:rPr>
          <w:noProof/>
        </w:rPr>
        <w:t>1</w:t>
      </w:r>
      <w:r>
        <w:fldChar w:fldCharType="end"/>
      </w:r>
      <w:r>
        <w:t>: CONSORT flow diagra</w:t>
      </w:r>
      <w:r w:rsidR="003A7B6D">
        <w:t>m</w:t>
      </w:r>
      <w:bookmarkEnd w:id="31"/>
    </w:p>
    <w:p w14:paraId="3C449A84" w14:textId="1C4A8A26" w:rsidR="00E424D7" w:rsidRPr="00DC479D" w:rsidRDefault="00DC479D" w:rsidP="00DB7731">
      <w:pPr>
        <w:pStyle w:val="Caption"/>
        <w:rPr>
          <w:sz w:val="22"/>
          <w:szCs w:val="22"/>
          <w:u w:val="single"/>
        </w:rPr>
      </w:pPr>
      <w:r>
        <w:rPr>
          <w:sz w:val="22"/>
          <w:szCs w:val="22"/>
          <w:u w:val="single"/>
        </w:rPr>
        <w:t>Progression</w:t>
      </w:r>
      <w:r w:rsidR="00E424D7" w:rsidRPr="00DC479D">
        <w:rPr>
          <w:sz w:val="22"/>
          <w:szCs w:val="22"/>
          <w:u w:val="single"/>
        </w:rPr>
        <w:t>-free survival</w:t>
      </w:r>
    </w:p>
    <w:p w14:paraId="48C92500" w14:textId="5BD615C6" w:rsidR="005508FC" w:rsidRDefault="005508FC" w:rsidP="00667293">
      <w:r w:rsidRPr="005508FC">
        <w:rPr>
          <w:noProof/>
        </w:rPr>
        <w:drawing>
          <wp:inline distT="0" distB="0" distL="0" distR="0" wp14:anchorId="7B8EC737" wp14:editId="6CF6F24A">
            <wp:extent cx="3631206" cy="2657475"/>
            <wp:effectExtent l="0" t="0" r="7620" b="0"/>
            <wp:docPr id="26" name="Picture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42435" cy="266569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98D76CB" w14:textId="77777777" w:rsidR="005508FC" w:rsidRDefault="005508FC" w:rsidP="00667293"/>
    <w:p w14:paraId="2AFA9974" w14:textId="006AD238" w:rsidR="00EC7D7A" w:rsidRDefault="00E424D7" w:rsidP="00EC7D7A">
      <w:pPr>
        <w:pStyle w:val="Caption"/>
      </w:pPr>
      <w:r>
        <w:lastRenderedPageBreak/>
        <w:t>Figure 2a: Kaplan-Meier of Progression-free survival (Intention-to treat population)</w:t>
      </w:r>
    </w:p>
    <w:p w14:paraId="0C4DB469" w14:textId="6ADDD0E7" w:rsidR="00267447" w:rsidRPr="00DC479D" w:rsidRDefault="00267447" w:rsidP="00667293">
      <w:pPr>
        <w:rPr>
          <w:u w:val="single"/>
        </w:rPr>
      </w:pPr>
      <w:r w:rsidRPr="00DC479D">
        <w:rPr>
          <w:u w:val="single"/>
        </w:rPr>
        <w:t>ITT unadjusted analysis:</w:t>
      </w:r>
    </w:p>
    <w:p w14:paraId="5AA41EFC" w14:textId="2A9CC8F5" w:rsidR="00EC7D7A" w:rsidRDefault="00EC7D7A" w:rsidP="00EC7D7A">
      <w:pPr>
        <w:keepNext/>
      </w:pPr>
      <w:r>
        <w:t xml:space="preserve">HR </w:t>
      </w:r>
      <w:r w:rsidR="006315B2">
        <w:t>0.83</w:t>
      </w:r>
      <w:r w:rsidRPr="00267447">
        <w:t xml:space="preserve"> (</w:t>
      </w:r>
      <w:r>
        <w:t xml:space="preserve">80% CI </w:t>
      </w:r>
      <w:r w:rsidR="006315B2">
        <w:t>0.6-1.15</w:t>
      </w:r>
      <w:r>
        <w:t>; one-sided p-value 0.23</w:t>
      </w:r>
      <w:r w:rsidRPr="00267447">
        <w:t>)</w:t>
      </w:r>
    </w:p>
    <w:p w14:paraId="563D97AC" w14:textId="3B3711AA" w:rsidR="00E424D7" w:rsidRDefault="00DC479D" w:rsidP="00667293">
      <w:r>
        <w:t xml:space="preserve">There is no evidence that the proportional hazards assumption has been violated. </w:t>
      </w:r>
      <w:r w:rsidR="00E726F3">
        <w:t>Test of proportionality of hazards</w:t>
      </w:r>
      <w:r w:rsidR="00267447">
        <w:t xml:space="preserve"> p-value=0.4</w:t>
      </w:r>
    </w:p>
    <w:p w14:paraId="4ADA4E6E" w14:textId="77777777" w:rsidR="00467EF3" w:rsidRDefault="00467EF3" w:rsidP="00DC479D">
      <w:pPr>
        <w:keepNext/>
      </w:pPr>
    </w:p>
    <w:p w14:paraId="3563E589" w14:textId="72A28DCC" w:rsidR="00467EF3" w:rsidRDefault="005508FC" w:rsidP="00EC7D7A">
      <w:pPr>
        <w:pStyle w:val="Caption"/>
      </w:pPr>
      <w:r w:rsidRPr="005508FC">
        <w:rPr>
          <w:noProof/>
        </w:rPr>
        <w:drawing>
          <wp:inline distT="0" distB="0" distL="0" distR="0" wp14:anchorId="1E5A2F2F" wp14:editId="2F8453A2">
            <wp:extent cx="3619500" cy="2648908"/>
            <wp:effectExtent l="0" t="0" r="0" b="0"/>
            <wp:docPr id="28" name="Picture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37712" cy="266223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ED16423" w14:textId="6FD21577" w:rsidR="00E424D7" w:rsidRDefault="00EC7D7A" w:rsidP="00EC7D7A">
      <w:pPr>
        <w:pStyle w:val="Caption"/>
      </w:pPr>
      <w:r>
        <w:t xml:space="preserve">Figure </w:t>
      </w:r>
      <w:r>
        <w:fldChar w:fldCharType="begin"/>
      </w:r>
      <w:r>
        <w:instrText xml:space="preserve"> SEQ Figure \* ARABIC </w:instrText>
      </w:r>
      <w:r>
        <w:fldChar w:fldCharType="separate"/>
      </w:r>
      <w:r w:rsidR="00451C2F">
        <w:rPr>
          <w:noProof/>
        </w:rPr>
        <w:t>2</w:t>
      </w:r>
      <w:r>
        <w:fldChar w:fldCharType="end"/>
      </w:r>
      <w:r>
        <w:t>b: Plot of Schoenfeld residuals to test PH (ITT population</w:t>
      </w:r>
      <w:r w:rsidR="0045751D">
        <w:t xml:space="preserve"> unadjusted</w:t>
      </w:r>
      <w:r>
        <w:t>)</w:t>
      </w:r>
    </w:p>
    <w:p w14:paraId="3E0EA1C1" w14:textId="698E77A1" w:rsidR="00451C2F" w:rsidRDefault="00451C2F" w:rsidP="00667293"/>
    <w:p w14:paraId="19905001" w14:textId="5059FB26" w:rsidR="0045751D" w:rsidRDefault="0045751D">
      <w:r>
        <w:br w:type="page"/>
      </w:r>
    </w:p>
    <w:p w14:paraId="2704B0E8" w14:textId="4DFA4111" w:rsidR="0045751D" w:rsidRPr="00DC479D" w:rsidRDefault="0045751D" w:rsidP="00667293">
      <w:pPr>
        <w:rPr>
          <w:u w:val="single"/>
        </w:rPr>
      </w:pPr>
      <w:r w:rsidRPr="00DC479D">
        <w:rPr>
          <w:u w:val="single"/>
        </w:rPr>
        <w:lastRenderedPageBreak/>
        <w:t>P</w:t>
      </w:r>
      <w:r w:rsidR="00DC479D">
        <w:rPr>
          <w:u w:val="single"/>
        </w:rPr>
        <w:t xml:space="preserve">er protocol </w:t>
      </w:r>
      <w:r w:rsidRPr="00DC479D">
        <w:rPr>
          <w:u w:val="single"/>
        </w:rPr>
        <w:t xml:space="preserve">analysis </w:t>
      </w:r>
    </w:p>
    <w:p w14:paraId="416C58AC" w14:textId="32291FBA" w:rsidR="00E424D7" w:rsidRDefault="00E424D7" w:rsidP="00E424D7">
      <w:pPr>
        <w:keepNext/>
      </w:pPr>
    </w:p>
    <w:p w14:paraId="6EB91E4E" w14:textId="5B5D803B" w:rsidR="00467EF3" w:rsidRDefault="005508FC" w:rsidP="00E424D7">
      <w:pPr>
        <w:pStyle w:val="Caption"/>
      </w:pPr>
      <w:r w:rsidRPr="005508FC">
        <w:rPr>
          <w:b w:val="0"/>
          <w:bCs w:val="0"/>
          <w:noProof/>
        </w:rPr>
        <w:drawing>
          <wp:inline distT="0" distB="0" distL="0" distR="0" wp14:anchorId="6D4E18FA" wp14:editId="65045135">
            <wp:extent cx="3629025" cy="2655879"/>
            <wp:effectExtent l="0" t="0" r="0" b="0"/>
            <wp:docPr id="30" name="Picture 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38285" cy="266265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49ECE79" w14:textId="4597E1AA" w:rsidR="00E424D7" w:rsidRDefault="00E424D7" w:rsidP="00E424D7">
      <w:pPr>
        <w:pStyle w:val="Caption"/>
      </w:pPr>
      <w:r>
        <w:t>Figure 2</w:t>
      </w:r>
      <w:r w:rsidR="00EC7D7A">
        <w:t>c</w:t>
      </w:r>
      <w:r>
        <w:t>: Kaplan-Meier of progression-free survival (Per protocol population)</w:t>
      </w:r>
    </w:p>
    <w:p w14:paraId="1D9CCE20" w14:textId="77777777" w:rsidR="00B9074F" w:rsidRDefault="00B9074F">
      <w:pPr>
        <w:rPr>
          <w:u w:val="single"/>
        </w:rPr>
      </w:pPr>
      <w:r>
        <w:rPr>
          <w:u w:val="single"/>
        </w:rPr>
        <w:br w:type="page"/>
      </w:r>
    </w:p>
    <w:p w14:paraId="27CA2B8D" w14:textId="001BF745" w:rsidR="00267447" w:rsidRDefault="00DC479D" w:rsidP="00267447">
      <w:pPr>
        <w:rPr>
          <w:u w:val="single"/>
        </w:rPr>
      </w:pPr>
      <w:r w:rsidRPr="00DC479D">
        <w:rPr>
          <w:u w:val="single"/>
        </w:rPr>
        <w:lastRenderedPageBreak/>
        <w:t>P</w:t>
      </w:r>
      <w:r>
        <w:rPr>
          <w:u w:val="single"/>
        </w:rPr>
        <w:t>er protocol</w:t>
      </w:r>
      <w:r w:rsidRPr="00DC479D">
        <w:rPr>
          <w:u w:val="single"/>
        </w:rPr>
        <w:t xml:space="preserve"> </w:t>
      </w:r>
      <w:r w:rsidR="00267447" w:rsidRPr="00DC479D">
        <w:rPr>
          <w:u w:val="single"/>
        </w:rPr>
        <w:t>unadjusted analysis:</w:t>
      </w:r>
    </w:p>
    <w:p w14:paraId="15D593B8" w14:textId="77777777" w:rsidR="0045751D" w:rsidRPr="00DC479D" w:rsidRDefault="0045751D" w:rsidP="00267447">
      <w:pPr>
        <w:rPr>
          <w:u w:val="single"/>
        </w:rPr>
      </w:pPr>
    </w:p>
    <w:p w14:paraId="2D7D94B9" w14:textId="623DD7D0" w:rsidR="00EC7D7A" w:rsidRDefault="00EC7D7A" w:rsidP="00451C2F">
      <w:pPr>
        <w:keepNext/>
      </w:pPr>
      <w:r>
        <w:t xml:space="preserve">HR </w:t>
      </w:r>
      <w:r w:rsidR="006315B2">
        <w:t xml:space="preserve">0.83 </w:t>
      </w:r>
      <w:r>
        <w:t xml:space="preserve">(80%CI </w:t>
      </w:r>
      <w:r w:rsidR="006315B2">
        <w:t>0.6-1.15</w:t>
      </w:r>
      <w:r>
        <w:t>; one-sided p-value 0.23)</w:t>
      </w:r>
    </w:p>
    <w:p w14:paraId="11F576B3" w14:textId="1EE32027" w:rsidR="00267447" w:rsidRDefault="00DC479D" w:rsidP="00267447">
      <w:r>
        <w:t xml:space="preserve">There is no evidence that the proportional hazards assumption has been violated, </w:t>
      </w:r>
      <w:r w:rsidR="00267447">
        <w:t>Test of proportionality of hazards p-value=0.4</w:t>
      </w:r>
    </w:p>
    <w:p w14:paraId="57B1974D" w14:textId="0A552DA2" w:rsidR="00EC7D7A" w:rsidRDefault="00EC7D7A" w:rsidP="00EC7D7A">
      <w:pPr>
        <w:keepNext/>
      </w:pPr>
    </w:p>
    <w:p w14:paraId="0CB6DB07" w14:textId="0E6DF0D4" w:rsidR="00467EF3" w:rsidRDefault="00930428" w:rsidP="00EC7D7A">
      <w:pPr>
        <w:keepNext/>
      </w:pPr>
      <w:r w:rsidRPr="00930428">
        <w:rPr>
          <w:noProof/>
        </w:rPr>
        <w:drawing>
          <wp:inline distT="0" distB="0" distL="0" distR="0" wp14:anchorId="217EAB13" wp14:editId="5BC53811">
            <wp:extent cx="3648075" cy="2669820"/>
            <wp:effectExtent l="0" t="0" r="0" b="0"/>
            <wp:docPr id="263" name="Picture 26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6673" cy="267611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C858821" w14:textId="77777777" w:rsidR="00467EF3" w:rsidRDefault="00467EF3" w:rsidP="00EC7D7A">
      <w:pPr>
        <w:keepNext/>
      </w:pPr>
    </w:p>
    <w:p w14:paraId="077C44AE" w14:textId="52AD5281" w:rsidR="00EC5B6A" w:rsidRDefault="00EC7D7A" w:rsidP="00EC7D7A">
      <w:pPr>
        <w:pStyle w:val="Caption"/>
      </w:pPr>
      <w:r>
        <w:t>Figure 2d: Schoenfeld plot of residuals to test PH (PP population)</w:t>
      </w:r>
    </w:p>
    <w:p w14:paraId="211E818F" w14:textId="77777777" w:rsidR="00267447" w:rsidRDefault="00267447" w:rsidP="00EC5B6A">
      <w:pPr>
        <w:rPr>
          <w:lang w:eastAsia="en-US"/>
        </w:rPr>
      </w:pPr>
    </w:p>
    <w:p w14:paraId="721600A5" w14:textId="77777777" w:rsidR="00451C2F" w:rsidRDefault="00451C2F">
      <w:pPr>
        <w:rPr>
          <w:lang w:eastAsia="en-US"/>
        </w:rPr>
      </w:pPr>
      <w:r>
        <w:rPr>
          <w:lang w:eastAsia="en-US"/>
        </w:rPr>
        <w:br w:type="page"/>
      </w:r>
    </w:p>
    <w:p w14:paraId="14115ECB" w14:textId="09B7B1EE" w:rsidR="0045751D" w:rsidRDefault="00267447" w:rsidP="00DC479D">
      <w:r w:rsidRPr="00DC479D">
        <w:rPr>
          <w:u w:val="single"/>
          <w:lang w:eastAsia="en-US"/>
        </w:rPr>
        <w:lastRenderedPageBreak/>
        <w:t>ITT</w:t>
      </w:r>
      <w:r w:rsidR="00EC5B6A" w:rsidRPr="00DC479D">
        <w:rPr>
          <w:u w:val="single"/>
          <w:lang w:eastAsia="en-US"/>
        </w:rPr>
        <w:t xml:space="preserve"> Cox-adjusted model</w:t>
      </w:r>
      <w:r w:rsidRPr="00DC479D">
        <w:rPr>
          <w:u w:val="single"/>
          <w:lang w:eastAsia="en-US"/>
        </w:rPr>
        <w:t xml:space="preserve"> (adjusted for stratification factors-smoking history and histology):</w:t>
      </w:r>
    </w:p>
    <w:p w14:paraId="35621B10" w14:textId="7A462A86" w:rsidR="00451C2F" w:rsidRDefault="00451C2F" w:rsidP="00451C2F">
      <w:pPr>
        <w:keepNext/>
      </w:pPr>
      <w:r>
        <w:t xml:space="preserve">HR </w:t>
      </w:r>
      <w:r w:rsidR="006315B2">
        <w:t>0.73</w:t>
      </w:r>
      <w:r w:rsidRPr="00267447">
        <w:t xml:space="preserve"> (</w:t>
      </w:r>
      <w:r>
        <w:t xml:space="preserve">80% CI </w:t>
      </w:r>
      <w:r w:rsidR="006315B2">
        <w:t>0.52-1.02</w:t>
      </w:r>
      <w:r>
        <w:t xml:space="preserve">; </w:t>
      </w:r>
      <w:r w:rsidR="00DD2333">
        <w:t xml:space="preserve">one-sided </w:t>
      </w:r>
      <w:r>
        <w:t>p-value 0.11)</w:t>
      </w:r>
    </w:p>
    <w:p w14:paraId="35920723" w14:textId="487F521C" w:rsidR="00692EA1" w:rsidRDefault="00DC479D" w:rsidP="00692EA1">
      <w:r>
        <w:t xml:space="preserve">There is no evidence that the proportional hazards assumption has been violated. </w:t>
      </w:r>
      <w:r w:rsidR="00692EA1">
        <w:t>Test of proportionality of hazards p-value=0.</w:t>
      </w:r>
      <w:r w:rsidR="004B668A">
        <w:t>7</w:t>
      </w:r>
    </w:p>
    <w:p w14:paraId="01FEC251" w14:textId="70DA5BF9" w:rsidR="00451C2F" w:rsidRDefault="00451C2F" w:rsidP="00451C2F">
      <w:pPr>
        <w:keepNext/>
      </w:pPr>
    </w:p>
    <w:p w14:paraId="47AEA5C5" w14:textId="53B14918" w:rsidR="0045751D" w:rsidRDefault="00DD2333" w:rsidP="00451C2F">
      <w:pPr>
        <w:pStyle w:val="Caption"/>
      </w:pPr>
      <w:r w:rsidRPr="00DD2333">
        <w:rPr>
          <w:b w:val="0"/>
          <w:bCs w:val="0"/>
          <w:noProof/>
        </w:rPr>
        <w:drawing>
          <wp:inline distT="0" distB="0" distL="0" distR="0" wp14:anchorId="5864BE5E" wp14:editId="5AF5596B">
            <wp:extent cx="3629025" cy="2655879"/>
            <wp:effectExtent l="0" t="0" r="0" b="0"/>
            <wp:docPr id="264" name="Picture 26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40157" cy="266402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FB148A1" w14:textId="742FEA93" w:rsidR="00CD194A" w:rsidRDefault="00451C2F" w:rsidP="00451C2F">
      <w:pPr>
        <w:pStyle w:val="Caption"/>
      </w:pPr>
      <w:r>
        <w:t>Figure 2e: Schoenfeld plot of residuals to test PH</w:t>
      </w:r>
      <w:r>
        <w:rPr>
          <w:noProof/>
        </w:rPr>
        <w:t xml:space="preserve"> (Cox-model adjusted </w:t>
      </w:r>
      <w:r w:rsidR="0045751D">
        <w:rPr>
          <w:noProof/>
        </w:rPr>
        <w:t xml:space="preserve">for stratification factors </w:t>
      </w:r>
      <w:r>
        <w:rPr>
          <w:noProof/>
        </w:rPr>
        <w:t>ITT population)</w:t>
      </w:r>
    </w:p>
    <w:p w14:paraId="6CB2DA54" w14:textId="77777777" w:rsidR="004B668A" w:rsidRDefault="004B668A" w:rsidP="00EC5B6A">
      <w:pPr>
        <w:keepNext/>
      </w:pPr>
    </w:p>
    <w:p w14:paraId="6FF46DF8" w14:textId="77777777" w:rsidR="0045751D" w:rsidRDefault="0045751D">
      <w:r>
        <w:br w:type="page"/>
      </w:r>
    </w:p>
    <w:p w14:paraId="0F2BBEF4" w14:textId="3E667904" w:rsidR="0045751D" w:rsidRDefault="0045751D" w:rsidP="0045751D">
      <w:pPr>
        <w:rPr>
          <w:u w:val="single"/>
          <w:lang w:eastAsia="en-US"/>
        </w:rPr>
      </w:pPr>
      <w:r w:rsidRPr="008F6CBE">
        <w:rPr>
          <w:u w:val="single"/>
          <w:lang w:eastAsia="en-US"/>
        </w:rPr>
        <w:lastRenderedPageBreak/>
        <w:t>ITT Cox-adjusted model (adjusted for stratification factors</w:t>
      </w:r>
      <w:r>
        <w:rPr>
          <w:u w:val="single"/>
          <w:lang w:eastAsia="en-US"/>
        </w:rPr>
        <w:t xml:space="preserve"> (</w:t>
      </w:r>
      <w:r w:rsidRPr="008F6CBE">
        <w:rPr>
          <w:u w:val="single"/>
          <w:lang w:eastAsia="en-US"/>
        </w:rPr>
        <w:t>smoking history and histology</w:t>
      </w:r>
      <w:r>
        <w:rPr>
          <w:u w:val="single"/>
          <w:lang w:eastAsia="en-US"/>
        </w:rPr>
        <w:t>) and unbalanced baseline characteristics (T-stage and N-stage)</w:t>
      </w:r>
      <w:r w:rsidRPr="008F6CBE">
        <w:rPr>
          <w:u w:val="single"/>
          <w:lang w:eastAsia="en-US"/>
        </w:rPr>
        <w:t>):</w:t>
      </w:r>
    </w:p>
    <w:p w14:paraId="7C3D5CE6" w14:textId="77777777" w:rsidR="0045751D" w:rsidRPr="008F6CBE" w:rsidRDefault="0045751D" w:rsidP="0045751D">
      <w:pPr>
        <w:rPr>
          <w:u w:val="single"/>
          <w:lang w:eastAsia="en-US"/>
        </w:rPr>
      </w:pPr>
    </w:p>
    <w:p w14:paraId="6759949F" w14:textId="465E967E" w:rsidR="0045751D" w:rsidRDefault="0045751D" w:rsidP="0045751D">
      <w:pPr>
        <w:keepNext/>
      </w:pPr>
      <w:r>
        <w:t xml:space="preserve">HR </w:t>
      </w:r>
      <w:r w:rsidR="006315B2">
        <w:t>0.79</w:t>
      </w:r>
      <w:r w:rsidRPr="00267447">
        <w:t xml:space="preserve"> (</w:t>
      </w:r>
      <w:r>
        <w:t xml:space="preserve">80% CI </w:t>
      </w:r>
      <w:r w:rsidR="006315B2">
        <w:t>0.54-1.17</w:t>
      </w:r>
      <w:r>
        <w:t>; p-value 0.45)</w:t>
      </w:r>
    </w:p>
    <w:p w14:paraId="72A77D10" w14:textId="3C21DE47" w:rsidR="0045751D" w:rsidRDefault="00DC479D" w:rsidP="0045751D">
      <w:r>
        <w:t xml:space="preserve">There is no evidence that the proportional hazards assumption has been violated. </w:t>
      </w:r>
      <w:r w:rsidR="0045751D">
        <w:t>Test of proportionality of hazards p-value=0.</w:t>
      </w:r>
      <w:r w:rsidR="006504FA">
        <w:t>5</w:t>
      </w:r>
    </w:p>
    <w:p w14:paraId="4031A9D2" w14:textId="388A57C0" w:rsidR="0045751D" w:rsidRDefault="006504FA" w:rsidP="0045751D">
      <w:r w:rsidRPr="006504FA">
        <w:rPr>
          <w:noProof/>
        </w:rPr>
        <w:drawing>
          <wp:inline distT="0" distB="0" distL="0" distR="0" wp14:anchorId="01F38DF8" wp14:editId="4FF203D7">
            <wp:extent cx="3657600" cy="2676791"/>
            <wp:effectExtent l="0" t="0" r="0" b="9525"/>
            <wp:docPr id="265" name="Picture 26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65648" cy="268268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5C4028A" w14:textId="49B0D9A0" w:rsidR="0045751D" w:rsidRDefault="0045751D" w:rsidP="0045751D"/>
    <w:p w14:paraId="6A47161F" w14:textId="7EEBFBE8" w:rsidR="0045751D" w:rsidRDefault="0045751D" w:rsidP="0045751D">
      <w:pPr>
        <w:pStyle w:val="Caption"/>
      </w:pPr>
      <w:r>
        <w:t>Figure 2f: Schoenfeld plot of residuals to test PH</w:t>
      </w:r>
      <w:r>
        <w:rPr>
          <w:noProof/>
        </w:rPr>
        <w:t xml:space="preserve"> (Cox-model adjusted for stratification factors and unbalanced baseline characteristics ITT population)</w:t>
      </w:r>
    </w:p>
    <w:p w14:paraId="6CB7357C" w14:textId="65BF1E25" w:rsidR="00EC7D7A" w:rsidRDefault="00EC7D7A">
      <w:r>
        <w:br w:type="page"/>
      </w:r>
    </w:p>
    <w:p w14:paraId="1256F974" w14:textId="09826832" w:rsidR="00DC479D" w:rsidRDefault="00CD194A" w:rsidP="00EC5B6A">
      <w:pPr>
        <w:keepNext/>
        <w:rPr>
          <w:u w:val="single"/>
        </w:rPr>
      </w:pPr>
      <w:r w:rsidRPr="00C10E8F">
        <w:rPr>
          <w:u w:val="single"/>
        </w:rPr>
        <w:lastRenderedPageBreak/>
        <w:t xml:space="preserve">Overall survival </w:t>
      </w:r>
    </w:p>
    <w:p w14:paraId="6AE40C38" w14:textId="77777777" w:rsidR="00412A1D" w:rsidRPr="00DC479D" w:rsidRDefault="00412A1D" w:rsidP="00EC5B6A">
      <w:pPr>
        <w:keepNext/>
        <w:rPr>
          <w:u w:val="single"/>
        </w:rPr>
      </w:pPr>
    </w:p>
    <w:p w14:paraId="0D194970" w14:textId="06FBEB66" w:rsidR="00A8627F" w:rsidRDefault="00412A1D" w:rsidP="00451C2F">
      <w:pPr>
        <w:pStyle w:val="Caption"/>
      </w:pPr>
      <w:r w:rsidRPr="00412A1D">
        <w:rPr>
          <w:noProof/>
        </w:rPr>
        <w:drawing>
          <wp:inline distT="0" distB="0" distL="0" distR="0" wp14:anchorId="1B544ACA" wp14:editId="353D90C4">
            <wp:extent cx="4467225" cy="3246578"/>
            <wp:effectExtent l="0" t="0" r="0" b="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84852" cy="325938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4784893" w14:textId="44754D23" w:rsidR="00A8627F" w:rsidRDefault="00A8627F" w:rsidP="00C10E8F"/>
    <w:p w14:paraId="5F67AA5A" w14:textId="4BF3DC1D" w:rsidR="00CD194A" w:rsidRDefault="00451C2F" w:rsidP="00451C2F">
      <w:pPr>
        <w:pStyle w:val="Caption"/>
      </w:pPr>
      <w:r>
        <w:t xml:space="preserve">Figure </w:t>
      </w:r>
      <w:r w:rsidR="00B9074F">
        <w:t>3a</w:t>
      </w:r>
      <w:r>
        <w:t>: Kaplan Meier of overall survival (ITT population)</w:t>
      </w:r>
    </w:p>
    <w:p w14:paraId="465910FE" w14:textId="2E078475" w:rsidR="00D52884" w:rsidRDefault="00D52884" w:rsidP="00EC5B6A">
      <w:pPr>
        <w:keepNext/>
      </w:pPr>
      <w:r>
        <w:t xml:space="preserve">HR </w:t>
      </w:r>
      <w:r w:rsidR="006D481A">
        <w:t>0.68</w:t>
      </w:r>
      <w:r w:rsidR="00EC7D7A" w:rsidRPr="00EC7D7A">
        <w:t xml:space="preserve"> (</w:t>
      </w:r>
      <w:r w:rsidR="00EC7D7A">
        <w:t xml:space="preserve">95% CI </w:t>
      </w:r>
      <w:r w:rsidR="006D481A">
        <w:t>0.37-1.26</w:t>
      </w:r>
      <w:r w:rsidR="00EC7D7A">
        <w:t xml:space="preserve">; </w:t>
      </w:r>
      <w:r w:rsidR="004D51B3">
        <w:t>two</w:t>
      </w:r>
      <w:r w:rsidR="00B9074F">
        <w:t xml:space="preserve">-sided </w:t>
      </w:r>
      <w:r w:rsidR="00EC7D7A">
        <w:t>p-value 0.</w:t>
      </w:r>
      <w:r w:rsidR="004D51B3">
        <w:t>22</w:t>
      </w:r>
      <w:r w:rsidR="00EC7D7A">
        <w:t>)</w:t>
      </w:r>
      <w:r w:rsidR="00D12664">
        <w:t>.</w:t>
      </w:r>
    </w:p>
    <w:p w14:paraId="15362EA6" w14:textId="1B27419A" w:rsidR="00451C2F" w:rsidRDefault="00D12664" w:rsidP="00EC7D7A">
      <w:r>
        <w:t xml:space="preserve">There is no evidence that the proportional hazards assumption has been violated. </w:t>
      </w:r>
      <w:r w:rsidR="00EC7D7A">
        <w:t>Test of proportionality of hazards p-value=0.18</w:t>
      </w:r>
    </w:p>
    <w:p w14:paraId="3C765BA7" w14:textId="23A6F0A2" w:rsidR="00D12664" w:rsidRDefault="00D12664" w:rsidP="00EC7D7A"/>
    <w:p w14:paraId="566A3DF5" w14:textId="4BF0A2EF" w:rsidR="00D12664" w:rsidRDefault="00D12664" w:rsidP="00EC7D7A">
      <w:r w:rsidRPr="00D12664">
        <w:rPr>
          <w:noProof/>
        </w:rPr>
        <w:drawing>
          <wp:inline distT="0" distB="0" distL="0" distR="0" wp14:anchorId="437612EB" wp14:editId="4C235402">
            <wp:extent cx="3609975" cy="2641937"/>
            <wp:effectExtent l="0" t="0" r="0" b="6350"/>
            <wp:docPr id="267" name="Picture 26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18300" cy="26480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AB5DD6D" w14:textId="2B3352DA" w:rsidR="00D52884" w:rsidRDefault="00D52884" w:rsidP="00EC5B6A">
      <w:pPr>
        <w:keepNext/>
      </w:pPr>
    </w:p>
    <w:p w14:paraId="5A2282BD" w14:textId="77777777" w:rsidR="00B9074F" w:rsidRDefault="00B9074F">
      <w:r>
        <w:br w:type="page"/>
      </w:r>
    </w:p>
    <w:p w14:paraId="4C121680" w14:textId="1A4424C9" w:rsidR="00D52884" w:rsidRDefault="00B9074F" w:rsidP="00EC5B6A">
      <w:pPr>
        <w:keepNext/>
      </w:pPr>
      <w:r>
        <w:lastRenderedPageBreak/>
        <w:t>Follow-up</w:t>
      </w:r>
    </w:p>
    <w:p w14:paraId="4343FAD7" w14:textId="26248514" w:rsidR="00F33FEE" w:rsidRDefault="00F33FEE" w:rsidP="00EC5B6A">
      <w:pPr>
        <w:keepNext/>
      </w:pPr>
      <w:r w:rsidRPr="00F33FEE">
        <w:rPr>
          <w:noProof/>
        </w:rPr>
        <w:drawing>
          <wp:inline distT="0" distB="0" distL="0" distR="0" wp14:anchorId="225C3855" wp14:editId="0B250459">
            <wp:extent cx="5019675" cy="3648075"/>
            <wp:effectExtent l="0" t="0" r="9525" b="9525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19675" cy="3648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DDF0C25" w14:textId="1DC013D6" w:rsidR="00EC7D7A" w:rsidRDefault="00EC7D7A" w:rsidP="00EC7D7A">
      <w:pPr>
        <w:keepNext/>
      </w:pPr>
    </w:p>
    <w:p w14:paraId="6BB76935" w14:textId="77777777" w:rsidR="00156F78" w:rsidRDefault="00156F78" w:rsidP="00EC7D7A">
      <w:pPr>
        <w:keepNext/>
      </w:pPr>
    </w:p>
    <w:p w14:paraId="240D7DF1" w14:textId="1067D71C" w:rsidR="00EC7D7A" w:rsidRDefault="00EC7D7A" w:rsidP="00EC7D7A">
      <w:pPr>
        <w:pStyle w:val="Caption"/>
      </w:pPr>
      <w:r>
        <w:t xml:space="preserve">Figure </w:t>
      </w:r>
      <w:r w:rsidR="00451C2F">
        <w:t>3c</w:t>
      </w:r>
      <w:r>
        <w:t>: Reverse Kaplan-Meier showing follow up of</w:t>
      </w:r>
      <w:r w:rsidR="00F33FEE">
        <w:t xml:space="preserve"> </w:t>
      </w:r>
      <w:r>
        <w:t>ITT population</w:t>
      </w:r>
      <w:r w:rsidR="00F33FEE" w:rsidRPr="00F33FEE">
        <w:t xml:space="preserve"> </w:t>
      </w:r>
      <w:r w:rsidR="00F33FEE">
        <w:t>patients (still alive and not progressed).</w:t>
      </w:r>
    </w:p>
    <w:p w14:paraId="7AB40E35" w14:textId="792A8CF3" w:rsidR="00DE2848" w:rsidRPr="00DE2848" w:rsidRDefault="00DE2848" w:rsidP="00DE2848">
      <w:pPr>
        <w:rPr>
          <w:lang w:eastAsia="en-US"/>
        </w:rPr>
      </w:pPr>
      <w:r>
        <w:rPr>
          <w:lang w:eastAsia="en-US"/>
        </w:rPr>
        <w:t>Note that there were just 3 participants alive and not progressed at complete withdrawal and 1 patient that did not start treatment in the ITT population.</w:t>
      </w:r>
    </w:p>
    <w:p w14:paraId="74A81CEF" w14:textId="3EB0322C" w:rsidR="00EC7D7A" w:rsidRDefault="00EC7D7A" w:rsidP="00EC5B6A">
      <w:pPr>
        <w:keepNext/>
      </w:pPr>
    </w:p>
    <w:p w14:paraId="0FCD3BFC" w14:textId="77777777" w:rsidR="004C179C" w:rsidRDefault="004C179C">
      <w:pPr>
        <w:rPr>
          <w:u w:val="single"/>
        </w:rPr>
      </w:pPr>
      <w:r>
        <w:rPr>
          <w:u w:val="single"/>
        </w:rPr>
        <w:br w:type="page"/>
      </w:r>
    </w:p>
    <w:p w14:paraId="2FB76D95" w14:textId="3E1D9440" w:rsidR="004C179C" w:rsidRDefault="004C179C" w:rsidP="004C179C">
      <w:pPr>
        <w:rPr>
          <w:u w:val="single"/>
        </w:rPr>
      </w:pPr>
      <w:r>
        <w:rPr>
          <w:u w:val="single"/>
        </w:rPr>
        <w:lastRenderedPageBreak/>
        <w:t>Overall survival in squamous cell carcinoma patients</w:t>
      </w:r>
    </w:p>
    <w:p w14:paraId="2AF3A95F" w14:textId="77777777" w:rsidR="004C179C" w:rsidRDefault="004C179C" w:rsidP="004C179C">
      <w:pPr>
        <w:rPr>
          <w:u w:val="single"/>
        </w:rPr>
      </w:pPr>
    </w:p>
    <w:p w14:paraId="60B57CD9" w14:textId="77777777" w:rsidR="004C179C" w:rsidRDefault="004C179C" w:rsidP="004C179C">
      <w:pPr>
        <w:rPr>
          <w:u w:val="single"/>
        </w:rPr>
      </w:pPr>
      <w:r w:rsidRPr="001A355E">
        <w:rPr>
          <w:noProof/>
          <w:u w:val="single"/>
        </w:rPr>
        <w:drawing>
          <wp:inline distT="0" distB="0" distL="0" distR="0" wp14:anchorId="273B386A" wp14:editId="25F00C8E">
            <wp:extent cx="5019675" cy="3648075"/>
            <wp:effectExtent l="0" t="0" r="9525" b="9525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19675" cy="3648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F397A1E" w14:textId="56E420E6" w:rsidR="004C179C" w:rsidRDefault="004C179C" w:rsidP="004D51B3">
      <w:pPr>
        <w:pStyle w:val="Caption"/>
      </w:pPr>
      <w:r>
        <w:t>Figure 3d: Overall survival in squamous cell carcinoma participants, by trial arm</w:t>
      </w:r>
    </w:p>
    <w:p w14:paraId="2D837AC8" w14:textId="14E70223" w:rsidR="004C179C" w:rsidRDefault="004C179C" w:rsidP="004C179C">
      <w:r w:rsidRPr="001A355E">
        <w:t>HR 0.47</w:t>
      </w:r>
      <w:r>
        <w:t xml:space="preserve"> (95%CI 0.18-1.26) </w:t>
      </w:r>
      <w:r w:rsidR="004D51B3">
        <w:t>two</w:t>
      </w:r>
      <w:r>
        <w:t>-sided p-value 0.</w:t>
      </w:r>
      <w:r w:rsidR="004D51B3">
        <w:t>13</w:t>
      </w:r>
    </w:p>
    <w:p w14:paraId="280A1E5A" w14:textId="6E9C44DF" w:rsidR="004C179C" w:rsidRDefault="004C179C" w:rsidP="004C179C">
      <w:r>
        <w:t>There is no evidence that the proportional hazards assumption has been violated. Test of proportionality of hazards p-value=0.1.</w:t>
      </w:r>
    </w:p>
    <w:p w14:paraId="7C0B0FB3" w14:textId="6738967B" w:rsidR="004C179C" w:rsidRDefault="004C179C" w:rsidP="004C179C">
      <w:r>
        <w:t>Median overall survival (months):</w:t>
      </w:r>
    </w:p>
    <w:p w14:paraId="5C2EC54C" w14:textId="77777777" w:rsidR="004C179C" w:rsidRDefault="004C179C" w:rsidP="004D51B3">
      <w:pPr>
        <w:ind w:firstLine="720"/>
        <w:rPr>
          <w:sz w:val="22"/>
          <w:szCs w:val="22"/>
          <w:lang w:eastAsia="en-US"/>
        </w:rPr>
      </w:pPr>
      <w:r>
        <w:rPr>
          <w:lang w:eastAsia="en-US"/>
        </w:rPr>
        <w:t>Placebo 7.3 (95%CI 4.5-11.4)</w:t>
      </w:r>
    </w:p>
    <w:p w14:paraId="0953CCA7" w14:textId="77777777" w:rsidR="004C179C" w:rsidRDefault="004C179C" w:rsidP="004D51B3">
      <w:pPr>
        <w:ind w:firstLine="720"/>
        <w:rPr>
          <w:lang w:eastAsia="en-US"/>
        </w:rPr>
      </w:pPr>
      <w:r>
        <w:rPr>
          <w:lang w:eastAsia="en-US"/>
        </w:rPr>
        <w:t>Olaparib 13.9 (9.0-.)</w:t>
      </w:r>
    </w:p>
    <w:p w14:paraId="0881A8DD" w14:textId="7137E8D2" w:rsidR="004C179C" w:rsidRDefault="004C179C" w:rsidP="00EC5B6A">
      <w:pPr>
        <w:keepNext/>
      </w:pPr>
    </w:p>
    <w:p w14:paraId="08EBA585" w14:textId="5339A214" w:rsidR="004C179C" w:rsidRDefault="004C179C" w:rsidP="00EC5B6A">
      <w:pPr>
        <w:keepNext/>
      </w:pPr>
    </w:p>
    <w:p w14:paraId="01475023" w14:textId="77777777" w:rsidR="00540FD6" w:rsidRDefault="00540FD6">
      <w:pPr>
        <w:rPr>
          <w:u w:val="single"/>
        </w:rPr>
      </w:pPr>
      <w:r>
        <w:rPr>
          <w:u w:val="single"/>
        </w:rPr>
        <w:br w:type="page"/>
      </w:r>
    </w:p>
    <w:p w14:paraId="1DE7B28E" w14:textId="799C6E7B" w:rsidR="00540FD6" w:rsidRDefault="00540FD6" w:rsidP="00540FD6">
      <w:pPr>
        <w:rPr>
          <w:u w:val="single"/>
        </w:rPr>
      </w:pPr>
      <w:r>
        <w:rPr>
          <w:u w:val="single"/>
        </w:rPr>
        <w:lastRenderedPageBreak/>
        <w:t>Overall survival in non-squamous cell carcinoma patients</w:t>
      </w:r>
    </w:p>
    <w:p w14:paraId="5CB9C1FC" w14:textId="77777777" w:rsidR="00540FD6" w:rsidRDefault="00540FD6" w:rsidP="00540FD6">
      <w:pPr>
        <w:rPr>
          <w:u w:val="single"/>
        </w:rPr>
      </w:pPr>
      <w:r w:rsidRPr="00683952">
        <w:rPr>
          <w:noProof/>
          <w:u w:val="single"/>
        </w:rPr>
        <w:drawing>
          <wp:inline distT="0" distB="0" distL="0" distR="0" wp14:anchorId="7402E32D" wp14:editId="2DD23D58">
            <wp:extent cx="5019675" cy="3648075"/>
            <wp:effectExtent l="0" t="0" r="9525" b="9525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19675" cy="3648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895B287" w14:textId="7FF9C1E7" w:rsidR="00540FD6" w:rsidRDefault="00540FD6" w:rsidP="004D51B3">
      <w:pPr>
        <w:pStyle w:val="Caption"/>
      </w:pPr>
      <w:r>
        <w:t>Figure 3e: Overall survival in non-squamous cell carcinoma participants, by trial arm</w:t>
      </w:r>
    </w:p>
    <w:p w14:paraId="5D53B690" w14:textId="24B3D803" w:rsidR="00540FD6" w:rsidRDefault="00540FD6" w:rsidP="00540FD6">
      <w:r w:rsidRPr="001A355E">
        <w:t>HR 0.</w:t>
      </w:r>
      <w:r>
        <w:t xml:space="preserve">78 (95%CI 0.33-1.86) </w:t>
      </w:r>
      <w:r w:rsidR="004D51B3">
        <w:t>two</w:t>
      </w:r>
      <w:r>
        <w:t xml:space="preserve">-sided p-value </w:t>
      </w:r>
      <w:r w:rsidR="004D51B3">
        <w:t>0.58</w:t>
      </w:r>
    </w:p>
    <w:p w14:paraId="6F8FA03B" w14:textId="77777777" w:rsidR="00540FD6" w:rsidRDefault="00540FD6" w:rsidP="00540FD6">
      <w:r>
        <w:t>There is no evidence that the proportional hazards assumption has been violated. Test of proportionality of hazards p-value=0.47</w:t>
      </w:r>
    </w:p>
    <w:p w14:paraId="6A9563F0" w14:textId="77777777" w:rsidR="00540FD6" w:rsidRDefault="00540FD6" w:rsidP="00540FD6">
      <w:r>
        <w:t>Median overall survival (months):</w:t>
      </w:r>
    </w:p>
    <w:p w14:paraId="5964ED03" w14:textId="77777777" w:rsidR="00540FD6" w:rsidRDefault="00540FD6" w:rsidP="00540FD6">
      <w:pPr>
        <w:rPr>
          <w:sz w:val="22"/>
          <w:szCs w:val="22"/>
          <w:lang w:eastAsia="en-US"/>
        </w:rPr>
      </w:pPr>
      <w:r>
        <w:tab/>
      </w:r>
      <w:r>
        <w:rPr>
          <w:lang w:eastAsia="en-US"/>
        </w:rPr>
        <w:t>Placebo 10.3 (95%CI 6.1-19.0)</w:t>
      </w:r>
    </w:p>
    <w:p w14:paraId="0FE57B10" w14:textId="77777777" w:rsidR="00540FD6" w:rsidRDefault="00540FD6" w:rsidP="004D51B3">
      <w:pPr>
        <w:ind w:firstLine="720"/>
        <w:rPr>
          <w:lang w:eastAsia="en-US"/>
        </w:rPr>
      </w:pPr>
      <w:r>
        <w:rPr>
          <w:lang w:eastAsia="en-US"/>
        </w:rPr>
        <w:t>Olaparib 12.3 (95%CI 4.3-15.8)</w:t>
      </w:r>
    </w:p>
    <w:p w14:paraId="650BAD09" w14:textId="0027D957" w:rsidR="004C179C" w:rsidRDefault="004C179C" w:rsidP="00EC5B6A">
      <w:pPr>
        <w:keepNext/>
      </w:pPr>
    </w:p>
    <w:p w14:paraId="33ED3FDA" w14:textId="77777777" w:rsidR="004C179C" w:rsidRDefault="004C179C" w:rsidP="00EC5B6A">
      <w:pPr>
        <w:keepNext/>
      </w:pPr>
    </w:p>
    <w:p w14:paraId="2412294C" w14:textId="2DFC889F" w:rsidR="00CD194A" w:rsidRDefault="00CD194A" w:rsidP="00EC5B6A">
      <w:pPr>
        <w:keepNext/>
      </w:pPr>
      <w:r>
        <w:t xml:space="preserve">Figure 4: </w:t>
      </w:r>
      <w:r w:rsidR="009B73C7">
        <w:t>Not done as no difference found between the arms</w:t>
      </w:r>
    </w:p>
    <w:p w14:paraId="6DA04ABD" w14:textId="396035C3" w:rsidR="009B73C7" w:rsidRDefault="009B73C7" w:rsidP="00EC5B6A">
      <w:pPr>
        <w:keepNext/>
      </w:pPr>
    </w:p>
    <w:p w14:paraId="0A5D9586" w14:textId="77777777" w:rsidR="00532B35" w:rsidRDefault="00532B35">
      <w:r>
        <w:br w:type="page"/>
      </w:r>
    </w:p>
    <w:p w14:paraId="6A3DFB2C" w14:textId="5422B27C" w:rsidR="00471840" w:rsidRDefault="00471840" w:rsidP="00471840">
      <w:pPr>
        <w:outlineLvl w:val="1"/>
        <w:rPr>
          <w:rFonts w:eastAsia="Times New Roman"/>
          <w:b/>
        </w:rPr>
      </w:pPr>
      <w:bookmarkStart w:id="32" w:name="_Toc513555590"/>
      <w:r>
        <w:rPr>
          <w:rFonts w:eastAsia="Times New Roman"/>
          <w:b/>
        </w:rPr>
        <w:lastRenderedPageBreak/>
        <w:t>Tables</w:t>
      </w:r>
      <w:bookmarkEnd w:id="32"/>
    </w:p>
    <w:p w14:paraId="3864D817" w14:textId="0FC2B909" w:rsidR="009B73C7" w:rsidRDefault="009B73C7" w:rsidP="00EC5B6A">
      <w:pPr>
        <w:keepNext/>
      </w:pPr>
    </w:p>
    <w:p w14:paraId="26423E7F" w14:textId="71FD2828" w:rsidR="00471840" w:rsidRDefault="00471840" w:rsidP="00471840">
      <w:pPr>
        <w:pStyle w:val="Caption"/>
        <w:keepNext/>
      </w:pPr>
      <w:r>
        <w:t xml:space="preserve">Table </w:t>
      </w:r>
      <w:r>
        <w:fldChar w:fldCharType="begin"/>
      </w:r>
      <w:r>
        <w:instrText xml:space="preserve"> SEQ Table \* ARABIC </w:instrText>
      </w:r>
      <w:r>
        <w:fldChar w:fldCharType="separate"/>
      </w:r>
      <w:r w:rsidR="00970777">
        <w:rPr>
          <w:noProof/>
        </w:rPr>
        <w:t>1</w:t>
      </w:r>
      <w:r>
        <w:fldChar w:fldCharType="end"/>
      </w:r>
      <w:r>
        <w:t>: Medical History</w:t>
      </w:r>
    </w:p>
    <w:p w14:paraId="3C41371B" w14:textId="77777777" w:rsidR="009B73C7" w:rsidRDefault="009B73C7" w:rsidP="00EC5B6A">
      <w:pPr>
        <w:keepNext/>
      </w:pPr>
    </w:p>
    <w:tbl>
      <w:tblPr>
        <w:tblW w:w="6600" w:type="dxa"/>
        <w:tblLook w:val="04A0" w:firstRow="1" w:lastRow="0" w:firstColumn="1" w:lastColumn="0" w:noHBand="0" w:noVBand="1"/>
      </w:tblPr>
      <w:tblGrid>
        <w:gridCol w:w="4360"/>
        <w:gridCol w:w="1120"/>
        <w:gridCol w:w="1120"/>
      </w:tblGrid>
      <w:tr w:rsidR="00B9074F" w:rsidRPr="00B9074F" w14:paraId="1C3424F0" w14:textId="77777777" w:rsidTr="003F60A1">
        <w:trPr>
          <w:cantSplit/>
          <w:trHeight w:val="300"/>
          <w:tblHeader/>
        </w:trPr>
        <w:tc>
          <w:tcPr>
            <w:tcW w:w="4360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3C7988B7" w14:textId="179E2EC5" w:rsidR="00B9074F" w:rsidRPr="00B9074F" w:rsidRDefault="00B9074F" w:rsidP="00B9074F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 xml:space="preserve">Table </w:t>
            </w:r>
            <w:r w:rsidR="003F60A1" w:rsidRPr="00B9074F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1:</w:t>
            </w:r>
            <w:r w:rsidRPr="00B9074F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 xml:space="preserve"> Medical History</w:t>
            </w:r>
          </w:p>
        </w:tc>
        <w:tc>
          <w:tcPr>
            <w:tcW w:w="1120" w:type="dxa"/>
            <w:tcBorders>
              <w:top w:val="single" w:sz="4" w:space="0" w:color="auto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D7EB823" w14:textId="77777777" w:rsidR="00B9074F" w:rsidRPr="00B9074F" w:rsidRDefault="00B9074F" w:rsidP="00B9074F">
            <w:pPr>
              <w:jc w:val="center"/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Olaparib</w:t>
            </w:r>
          </w:p>
        </w:tc>
        <w:tc>
          <w:tcPr>
            <w:tcW w:w="1120" w:type="dxa"/>
            <w:tcBorders>
              <w:top w:val="single" w:sz="4" w:space="0" w:color="auto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16AE085" w14:textId="77777777" w:rsidR="00B9074F" w:rsidRPr="00B9074F" w:rsidRDefault="00B9074F" w:rsidP="00B9074F">
            <w:pPr>
              <w:jc w:val="center"/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Placebo</w:t>
            </w:r>
          </w:p>
        </w:tc>
      </w:tr>
      <w:tr w:rsidR="00B9074F" w:rsidRPr="00B9074F" w14:paraId="5F0D027C" w14:textId="77777777" w:rsidTr="003F60A1">
        <w:trPr>
          <w:cantSplit/>
          <w:trHeight w:val="300"/>
          <w:tblHeader/>
        </w:trPr>
        <w:tc>
          <w:tcPr>
            <w:tcW w:w="436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1779BDC4" w14:textId="77777777" w:rsidR="00B9074F" w:rsidRPr="00B9074F" w:rsidRDefault="00B9074F" w:rsidP="00B9074F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1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471D2FC" w14:textId="77777777" w:rsidR="00B9074F" w:rsidRPr="00B9074F" w:rsidRDefault="00B9074F" w:rsidP="00B9074F">
            <w:pPr>
              <w:jc w:val="center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N=32</w:t>
            </w:r>
          </w:p>
        </w:tc>
        <w:tc>
          <w:tcPr>
            <w:tcW w:w="11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DB7CBAA" w14:textId="77777777" w:rsidR="00B9074F" w:rsidRPr="00B9074F" w:rsidRDefault="00B9074F" w:rsidP="00B9074F">
            <w:pPr>
              <w:jc w:val="center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N=38</w:t>
            </w:r>
          </w:p>
        </w:tc>
      </w:tr>
      <w:tr w:rsidR="00B9074F" w:rsidRPr="00B9074F" w14:paraId="63072C46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1254510" w14:textId="77777777" w:rsidR="00B9074F" w:rsidRPr="00B9074F" w:rsidRDefault="00B9074F" w:rsidP="00B9074F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Non-small cell lung cancer type - N (%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DD72D82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2F9C4FF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9074F" w:rsidRPr="00B9074F" w14:paraId="4520901D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53A57C4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Adenocarcinoma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A45C7FA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9 (59.4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215B07D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8 (47.4)</w:t>
            </w:r>
          </w:p>
        </w:tc>
      </w:tr>
      <w:tr w:rsidR="00B9074F" w:rsidRPr="00B9074F" w14:paraId="2E97D474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D45872C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Squamous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F5F6645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3 (40.6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9E34340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8 (47.4)</w:t>
            </w:r>
          </w:p>
        </w:tc>
      </w:tr>
      <w:tr w:rsidR="00B9074F" w:rsidRPr="00B9074F" w14:paraId="37CABA5C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1BE36B1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Other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944E1E4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0 (0.0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29ACD81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2 (5.3)</w:t>
            </w:r>
          </w:p>
        </w:tc>
      </w:tr>
      <w:tr w:rsidR="00B9074F" w:rsidRPr="00B9074F" w14:paraId="5937DF45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75C35DB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 xml:space="preserve">Large cell </w:t>
            </w:r>
            <w:proofErr w:type="spellStart"/>
            <w:r w:rsidRPr="00B9074F">
              <w:rPr>
                <w:rFonts w:eastAsia="Times New Roman" w:cs="Times New Roman"/>
                <w:sz w:val="22"/>
                <w:szCs w:val="22"/>
              </w:rPr>
              <w:t>nos</w:t>
            </w:r>
            <w:proofErr w:type="spellEnd"/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78B1BFB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0 (0.0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EBD24C2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5EBA2619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F7D4E21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Mixed adenocarcinoma/Squamous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52B2FB1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0 (0.0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4D15BC3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3DA87286" w14:textId="77777777" w:rsidTr="00B9074F">
        <w:trPr>
          <w:trHeight w:val="300"/>
        </w:trPr>
        <w:tc>
          <w:tcPr>
            <w:tcW w:w="4360" w:type="dxa"/>
            <w:tcBorders>
              <w:top w:val="single" w:sz="4" w:space="0" w:color="auto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6547A41" w14:textId="77777777" w:rsidR="00B9074F" w:rsidRPr="00B9074F" w:rsidRDefault="00B9074F" w:rsidP="00B9074F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T stage - N (%)</w:t>
            </w:r>
          </w:p>
        </w:tc>
        <w:tc>
          <w:tcPr>
            <w:tcW w:w="1120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1E2DC0B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20" w:type="dxa"/>
            <w:tcBorders>
              <w:top w:val="single" w:sz="4" w:space="0" w:color="auto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7204FF6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9074F" w:rsidRPr="00B9074F" w14:paraId="726BCFED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23E5693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T1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C8BFB5A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3 (9.4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1367D26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2 (5.3)</w:t>
            </w:r>
          </w:p>
        </w:tc>
      </w:tr>
      <w:tr w:rsidR="00B9074F" w:rsidRPr="00B9074F" w14:paraId="29293199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D14AEFC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T2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D89C501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6 (18.8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9576777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3 (7.9)</w:t>
            </w:r>
          </w:p>
        </w:tc>
      </w:tr>
      <w:tr w:rsidR="00B9074F" w:rsidRPr="00B9074F" w14:paraId="64344F75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C608DAE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T3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F28108D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0 (31.3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F0F9784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6 (15.8)</w:t>
            </w:r>
          </w:p>
        </w:tc>
      </w:tr>
      <w:tr w:rsidR="00B9074F" w:rsidRPr="00B9074F" w14:paraId="6A26E32F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5D937A9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T4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9392769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2 (37.5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0A9B8E4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23 (60.5)</w:t>
            </w:r>
          </w:p>
        </w:tc>
      </w:tr>
      <w:tr w:rsidR="00B9074F" w:rsidRPr="00B9074F" w14:paraId="20607468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0E6728A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TX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3C50A9F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0 (0.0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9356495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3 (7.9)</w:t>
            </w:r>
          </w:p>
        </w:tc>
      </w:tr>
      <w:tr w:rsidR="00B9074F" w:rsidRPr="00B9074F" w14:paraId="2EB0EC61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F5E902D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Missing</w:t>
            </w:r>
          </w:p>
        </w:tc>
        <w:tc>
          <w:tcPr>
            <w:tcW w:w="11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9CDD262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11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80CD0BE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35EF47FD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4691988" w14:textId="77777777" w:rsidR="00B9074F" w:rsidRPr="00B9074F" w:rsidRDefault="00B9074F" w:rsidP="00B9074F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N stage - N (%)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F055D82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BE11BAA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9074F" w:rsidRPr="00B9074F" w14:paraId="49378A38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7A978DF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N0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B8ED32F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6 (18.8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148998D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2 (5.3)</w:t>
            </w:r>
          </w:p>
        </w:tc>
      </w:tr>
      <w:tr w:rsidR="00B9074F" w:rsidRPr="00B9074F" w14:paraId="46A89CD9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2BE5192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N1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A4C35F8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8BF1C2C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3 (7.9)</w:t>
            </w:r>
          </w:p>
        </w:tc>
      </w:tr>
      <w:tr w:rsidR="00B9074F" w:rsidRPr="00B9074F" w14:paraId="3D321D2A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D961B01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N2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296DDF7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9 (28.1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0CE1616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6 (42.1)</w:t>
            </w:r>
          </w:p>
        </w:tc>
      </w:tr>
      <w:tr w:rsidR="00B9074F" w:rsidRPr="00B9074F" w14:paraId="51E362D3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6959F90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N3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5171FD7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3 (40.6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32D74B8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5 (39.5)</w:t>
            </w:r>
          </w:p>
        </w:tc>
      </w:tr>
      <w:tr w:rsidR="00B9074F" w:rsidRPr="00B9074F" w14:paraId="0730F8BF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B532A65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NX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08E3430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2 (6.3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A750AED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3000EE29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CC37845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Missing</w:t>
            </w:r>
          </w:p>
        </w:tc>
        <w:tc>
          <w:tcPr>
            <w:tcW w:w="11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1E9FACE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11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847A7E6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026F280D" w14:textId="77777777" w:rsidTr="00B9074F">
        <w:trPr>
          <w:trHeight w:val="300"/>
        </w:trPr>
        <w:tc>
          <w:tcPr>
            <w:tcW w:w="4360" w:type="dxa"/>
            <w:tcBorders>
              <w:top w:val="single" w:sz="4" w:space="0" w:color="auto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EBD58F0" w14:textId="77777777" w:rsidR="00B9074F" w:rsidRPr="00B9074F" w:rsidRDefault="00B9074F" w:rsidP="00B9074F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M stage - N (%)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109B1F3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BFC8B0C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9074F" w:rsidRPr="00B9074F" w14:paraId="5C3BA2BA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D602248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M0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C1020C3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0 (31.3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1C5CC4E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0 (26.3)</w:t>
            </w:r>
          </w:p>
        </w:tc>
      </w:tr>
      <w:tr w:rsidR="00B9074F" w:rsidRPr="00B9074F" w14:paraId="501F4155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6DEA3F7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M1a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645383C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0 (31.3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88B393A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5 (39.5)</w:t>
            </w:r>
          </w:p>
        </w:tc>
      </w:tr>
      <w:tr w:rsidR="00B9074F" w:rsidRPr="00B9074F" w14:paraId="641E36EE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A1A3CDC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M1b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B9D9BBD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1 (34.4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86C7701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3 (34.2)</w:t>
            </w:r>
          </w:p>
        </w:tc>
      </w:tr>
      <w:tr w:rsidR="00B9074F" w:rsidRPr="00B9074F" w14:paraId="6D849C1E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62E32EE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Missing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564D8EF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11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8E3280E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0 (0.0)</w:t>
            </w:r>
          </w:p>
        </w:tc>
      </w:tr>
      <w:tr w:rsidR="00B9074F" w:rsidRPr="00B9074F" w14:paraId="49AD1F8B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3660E7B" w14:textId="77777777" w:rsidR="00B9074F" w:rsidRPr="00B9074F" w:rsidRDefault="00B9074F" w:rsidP="00B9074F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Stage of NSCLC - N (%)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D464798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C3573EE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9074F" w:rsidRPr="00B9074F" w14:paraId="294F7412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19FE62D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IIIB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E4DF52F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0 (31.3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FC3E5B0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3 (34.2)</w:t>
            </w:r>
          </w:p>
        </w:tc>
      </w:tr>
      <w:tr w:rsidR="00B9074F" w:rsidRPr="00B9074F" w14:paraId="6868DDEA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82495ED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IV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E989890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22 (68.8)</w:t>
            </w:r>
          </w:p>
        </w:tc>
        <w:tc>
          <w:tcPr>
            <w:tcW w:w="11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F21A2A2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25 (65.8)</w:t>
            </w:r>
          </w:p>
        </w:tc>
      </w:tr>
      <w:tr w:rsidR="00B9074F" w:rsidRPr="00B9074F" w14:paraId="70432281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A165BA3" w14:textId="77777777" w:rsidR="00B9074F" w:rsidRPr="00B9074F" w:rsidRDefault="00B9074F" w:rsidP="00B9074F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Sites affected - N (%)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6C638D4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D7F1B32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9074F" w:rsidRPr="00B9074F" w14:paraId="1352E729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A8FAACB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Oesophagus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498185E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9EBBA31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1FEEA871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E7ABEF2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Chest wall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5FC4CD0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B1BADFD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2 (5.3)</w:t>
            </w:r>
          </w:p>
        </w:tc>
      </w:tr>
      <w:tr w:rsidR="00B9074F" w:rsidRPr="00B9074F" w14:paraId="3883154A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1C0AF53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Trachea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812C66F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2 (6.3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35394E0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3 (7.9)</w:t>
            </w:r>
          </w:p>
        </w:tc>
      </w:tr>
      <w:tr w:rsidR="00B9074F" w:rsidRPr="00B9074F" w14:paraId="7EDAE25C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7D48F67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Pleura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08E32E4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8 (25.0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A4331D0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3 (7.9)</w:t>
            </w:r>
          </w:p>
        </w:tc>
      </w:tr>
      <w:tr w:rsidR="00B9074F" w:rsidRPr="00B9074F" w14:paraId="561B2146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E2ACF8B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Heart pericardium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B68E588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23A6AAC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2 (5.3)</w:t>
            </w:r>
          </w:p>
        </w:tc>
      </w:tr>
      <w:tr w:rsidR="00B9074F" w:rsidRPr="00B9074F" w14:paraId="365EF24B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9D85DA2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Liver metastases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C8CFC93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5 (15.6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7C25C62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3 (7.9)</w:t>
            </w:r>
          </w:p>
        </w:tc>
      </w:tr>
      <w:tr w:rsidR="00B9074F" w:rsidRPr="00B9074F" w14:paraId="20DAB154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3820727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Lung metastases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E595030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1 (34.4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366265E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5 (39.5)</w:t>
            </w:r>
          </w:p>
        </w:tc>
      </w:tr>
      <w:tr w:rsidR="00B9074F" w:rsidRPr="00B9074F" w14:paraId="0B4C1364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0D19A71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Bones metastases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41E9A00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6 (18.8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506A747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5 (13.2)</w:t>
            </w:r>
          </w:p>
        </w:tc>
      </w:tr>
      <w:tr w:rsidR="00B9074F" w:rsidRPr="00B9074F" w14:paraId="52F3D6D9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090872F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lastRenderedPageBreak/>
              <w:t>Brain metastases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39ED979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009CC6A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0085CADA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F862296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Adrenal gland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7E9D9F1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3 (9.4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15AB95C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2 (5.3)</w:t>
            </w:r>
          </w:p>
        </w:tc>
      </w:tr>
      <w:tr w:rsidR="00B9074F" w:rsidRPr="00B9074F" w14:paraId="38BF777F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7C3CB2A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Other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D55C60E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E9BC41D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9074F" w:rsidRPr="00B9074F" w14:paraId="1EFDE6FE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4581509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Primary mass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22BC233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3C606C1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9074F" w:rsidRPr="00B9074F" w14:paraId="789E1A10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D935FB0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Lung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9CAAC5D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F436C4A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04EA2FBF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45AC714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Right upper lobe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994406E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2 (6.3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7788099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3 (7.9)</w:t>
            </w:r>
          </w:p>
        </w:tc>
      </w:tr>
      <w:tr w:rsidR="00B9074F" w:rsidRPr="00B9074F" w14:paraId="7B4B3944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73674C6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Mediastinum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F2AA738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3 (9.4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25E00A2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3 (7.9)</w:t>
            </w:r>
          </w:p>
        </w:tc>
      </w:tr>
      <w:tr w:rsidR="00B9074F" w:rsidRPr="00B9074F" w14:paraId="6411FB03" w14:textId="77777777" w:rsidTr="00B9074F">
        <w:trPr>
          <w:trHeight w:val="6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FE0CD8F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Left lower lobe of bronchus compressing including the oesophagus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E3A9122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7DEA94E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559899BD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0D78E97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Pericardial effusion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885EAEF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4928F85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221AFBC9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A4EB8E2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Right main bronchus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9178C0C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76468F3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1811ED23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03A08C4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Pulmonary artery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D6F0A43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7E99BFC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453AA137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2C32259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Regional nodes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3096084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9C85390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9074F" w:rsidRPr="00B9074F" w14:paraId="42B7F6B0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5479604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Retroperitoneal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6530BE4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AFC0E28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5C838537" w14:textId="77777777" w:rsidTr="00B9074F">
        <w:trPr>
          <w:trHeight w:val="6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67F95D5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Ipsilateral hilar, Mediastinal and supraclavicular nodes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7A3C255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062E1F7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9074F" w:rsidRPr="00B9074F" w14:paraId="052679BC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C9A6992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Right hilar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AD0D0AC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2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7E206AB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729055DC" w14:textId="77777777" w:rsidTr="00B9074F">
        <w:trPr>
          <w:trHeight w:val="6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018C9D6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 xml:space="preserve">Left hilar region </w:t>
            </w:r>
            <w:proofErr w:type="spellStart"/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subcarninal</w:t>
            </w:r>
            <w:proofErr w:type="spellEnd"/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 xml:space="preserve"> region lymph node by lower thoracic aorta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203D47C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7FB664D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2DF886C4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63ADA7A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Hilar nodes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ADC300B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C2BF8E7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17F3C5CE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256E6AB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Subcarinal lymph nodes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ADC0350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578020E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20E135A4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DF826E8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Sub-aortic lymph node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3F97F87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59E3198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5DEDB517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AD38880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Side neck nodes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02891FC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F753136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3BA4CD19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3491058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Right neck lymph nodes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504C368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2C9328B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08755590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C5D0050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Pre-tracheal lymph node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6E1DACC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193A6DE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9074F" w:rsidRPr="00B9074F" w14:paraId="60B6BCD6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86030A9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Para-aortic lymph node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D37717A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3092400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0ED7C8E8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D77375B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Lymph nodes (unspecified)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1938130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2CFF430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2 (5.3)</w:t>
            </w:r>
          </w:p>
        </w:tc>
      </w:tr>
      <w:tr w:rsidR="00B9074F" w:rsidRPr="00B9074F" w14:paraId="152FB0DD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7431C3D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Distant nodes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49F0D3A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4CB4555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9074F" w:rsidRPr="00B9074F" w14:paraId="545DE715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1A0BFBC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Rib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EE88B00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A297AEE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9074F" w:rsidRPr="00B9074F" w14:paraId="3705B138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176FCAD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Spleen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CC84FD7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BABC085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523FA582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06C7168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9074F">
              <w:rPr>
                <w:rFonts w:eastAsia="Times New Roman" w:cs="Times New Roman"/>
                <w:i/>
                <w:iCs/>
                <w:sz w:val="22"/>
                <w:szCs w:val="22"/>
              </w:rPr>
              <w:t>Right upper pole renal lesion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B47883D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2423D8A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9074F" w:rsidRPr="00B9074F" w14:paraId="6407419A" w14:textId="77777777" w:rsidTr="00B9074F">
        <w:trPr>
          <w:trHeight w:val="600"/>
        </w:trPr>
        <w:tc>
          <w:tcPr>
            <w:tcW w:w="4360" w:type="dxa"/>
            <w:tcBorders>
              <w:top w:val="single" w:sz="4" w:space="0" w:color="auto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EBD45EA" w14:textId="77777777" w:rsidR="00B9074F" w:rsidRPr="00B9074F" w:rsidRDefault="00B9074F" w:rsidP="00B9074F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Type of induction chemotherapy treatment - N (%)</w:t>
            </w:r>
          </w:p>
        </w:tc>
        <w:tc>
          <w:tcPr>
            <w:tcW w:w="1120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E300C1B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20" w:type="dxa"/>
            <w:tcBorders>
              <w:top w:val="single" w:sz="4" w:space="0" w:color="auto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44D4971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9074F" w:rsidRPr="00B9074F" w14:paraId="0A17A954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56C8AB7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Gemcitabine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01232D2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0 (31.3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5347FCD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4 (36.8)</w:t>
            </w:r>
          </w:p>
        </w:tc>
      </w:tr>
      <w:tr w:rsidR="00B9074F" w:rsidRPr="00B9074F" w14:paraId="151BE9F9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8C7A46D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Cisplatin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DFBCA2F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6 (18.8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F8825B9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7 (18.4)</w:t>
            </w:r>
          </w:p>
        </w:tc>
      </w:tr>
      <w:tr w:rsidR="00B9074F" w:rsidRPr="00B9074F" w14:paraId="46B28C08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AEBBF09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Carboplatin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10CA458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8 (56.3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D09A95A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27 (71.1)</w:t>
            </w:r>
          </w:p>
        </w:tc>
      </w:tr>
      <w:tr w:rsidR="00B9074F" w:rsidRPr="00B9074F" w14:paraId="64FE289A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AB2DA6F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Pemetrexed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A72B1C2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7 (53.1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D1A4CB9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7 (44.7)</w:t>
            </w:r>
          </w:p>
        </w:tc>
      </w:tr>
      <w:tr w:rsidR="00B9074F" w:rsidRPr="00B9074F" w14:paraId="263E31C3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5687C28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Paclitaxel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46FC6B4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F269566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0 (0.0)</w:t>
            </w:r>
          </w:p>
        </w:tc>
      </w:tr>
      <w:tr w:rsidR="00B9074F" w:rsidRPr="00B9074F" w14:paraId="098F485D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B07D929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Vinorelbine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722D323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4 (12.5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E0AA601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4 (10.5)</w:t>
            </w:r>
          </w:p>
        </w:tc>
      </w:tr>
      <w:tr w:rsidR="00B9074F" w:rsidRPr="00B9074F" w14:paraId="5248745E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8D7BCA6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Other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76D143A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5 (15.6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EADF2CC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5 (13.2)</w:t>
            </w:r>
          </w:p>
        </w:tc>
      </w:tr>
      <w:tr w:rsidR="00B9074F" w:rsidRPr="00B9074F" w14:paraId="6AECCEE5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0A52871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Docetaxel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B0D5F47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0 (0.0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B0CF3AB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19700643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9CA1710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lastRenderedPageBreak/>
              <w:t>Not available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8E37BA1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5 (15.6)</w:t>
            </w:r>
          </w:p>
        </w:tc>
        <w:tc>
          <w:tcPr>
            <w:tcW w:w="11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A0ABFE1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4 (10.5)</w:t>
            </w:r>
          </w:p>
        </w:tc>
      </w:tr>
      <w:tr w:rsidR="00B9074F" w:rsidRPr="00B9074F" w14:paraId="48EBF28E" w14:textId="77777777" w:rsidTr="00B9074F">
        <w:trPr>
          <w:trHeight w:val="6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9AD04EA" w14:textId="77777777" w:rsidR="00B9074F" w:rsidRPr="00B9074F" w:rsidRDefault="00B9074F" w:rsidP="00B9074F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 xml:space="preserve">Number of cycles of induction chemotherapy - n, </w:t>
            </w:r>
            <w:proofErr w:type="gramStart"/>
            <w:r w:rsidRPr="00B9074F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median(</w:t>
            </w:r>
            <w:proofErr w:type="gramEnd"/>
            <w:r w:rsidRPr="00B9074F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IQR)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DA27745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32, 4 (4-4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CC6926B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38, 4 (4-4)</w:t>
            </w:r>
          </w:p>
        </w:tc>
      </w:tr>
      <w:tr w:rsidR="00B9074F" w:rsidRPr="00B9074F" w14:paraId="1BEF6811" w14:textId="77777777" w:rsidTr="00B9074F">
        <w:trPr>
          <w:trHeight w:val="300"/>
        </w:trPr>
        <w:tc>
          <w:tcPr>
            <w:tcW w:w="4360" w:type="dxa"/>
            <w:tcBorders>
              <w:top w:val="single" w:sz="4" w:space="0" w:color="auto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EC509B4" w14:textId="77777777" w:rsidR="00B9074F" w:rsidRPr="00B9074F" w:rsidRDefault="00B9074F" w:rsidP="00B9074F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Response to induction chemotherapy - N (%)</w:t>
            </w:r>
          </w:p>
        </w:tc>
        <w:tc>
          <w:tcPr>
            <w:tcW w:w="1120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812093F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20" w:type="dxa"/>
            <w:tcBorders>
              <w:top w:val="single" w:sz="4" w:space="0" w:color="auto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6F97AF9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9074F" w:rsidRPr="00B9074F" w14:paraId="1BB83745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A782433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Complete response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E119210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2 (6.3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31D7257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9074F" w:rsidRPr="00B9074F" w14:paraId="14AC5DFB" w14:textId="77777777" w:rsidTr="00B9074F">
        <w:trPr>
          <w:trHeight w:val="300"/>
        </w:trPr>
        <w:tc>
          <w:tcPr>
            <w:tcW w:w="4360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52D065F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Partial response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B5A2CC0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28 (87.5)</w:t>
            </w:r>
          </w:p>
        </w:tc>
        <w:tc>
          <w:tcPr>
            <w:tcW w:w="112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D738B1B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34 (89.5)</w:t>
            </w:r>
          </w:p>
        </w:tc>
      </w:tr>
      <w:tr w:rsidR="00B9074F" w:rsidRPr="00B9074F" w14:paraId="07666462" w14:textId="77777777" w:rsidTr="00B9074F">
        <w:trPr>
          <w:trHeight w:val="600"/>
        </w:trPr>
        <w:tc>
          <w:tcPr>
            <w:tcW w:w="4360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39E317D" w14:textId="77777777" w:rsidR="00B9074F" w:rsidRPr="00B9074F" w:rsidRDefault="00B9074F" w:rsidP="00B9074F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Other evidence of tumour shrinkage/Mixed stable</w:t>
            </w:r>
          </w:p>
        </w:tc>
        <w:tc>
          <w:tcPr>
            <w:tcW w:w="112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6DD50F1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2 (6.3)</w:t>
            </w:r>
          </w:p>
        </w:tc>
        <w:tc>
          <w:tcPr>
            <w:tcW w:w="11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37700CD" w14:textId="77777777" w:rsidR="00B9074F" w:rsidRPr="00B9074F" w:rsidRDefault="00B9074F" w:rsidP="00B9074F">
            <w:pPr>
              <w:rPr>
                <w:rFonts w:eastAsia="Times New Roman" w:cs="Times New Roman"/>
                <w:sz w:val="22"/>
                <w:szCs w:val="22"/>
              </w:rPr>
            </w:pPr>
            <w:r w:rsidRPr="00B9074F">
              <w:rPr>
                <w:rFonts w:eastAsia="Times New Roman" w:cs="Times New Roman"/>
                <w:sz w:val="22"/>
                <w:szCs w:val="22"/>
              </w:rPr>
              <w:t>3 (7.9)</w:t>
            </w:r>
          </w:p>
        </w:tc>
      </w:tr>
    </w:tbl>
    <w:p w14:paraId="42D0B715" w14:textId="17E5D0D3" w:rsidR="00177369" w:rsidRDefault="00177369">
      <w:pPr>
        <w:rPr>
          <w:lang w:eastAsia="en-US"/>
        </w:rPr>
      </w:pPr>
      <w:r>
        <w:rPr>
          <w:lang w:eastAsia="en-US"/>
        </w:rPr>
        <w:br w:type="page"/>
      </w:r>
    </w:p>
    <w:p w14:paraId="767C7BB3" w14:textId="3B03F6A6" w:rsidR="00AA56CE" w:rsidRDefault="00AA56CE" w:rsidP="00AA56CE">
      <w:pPr>
        <w:pStyle w:val="Caption"/>
        <w:keepNext/>
      </w:pPr>
      <w:r>
        <w:lastRenderedPageBreak/>
        <w:t xml:space="preserve">Table </w:t>
      </w:r>
      <w:r>
        <w:fldChar w:fldCharType="begin"/>
      </w:r>
      <w:r>
        <w:instrText xml:space="preserve"> SEQ Table \* ARABIC </w:instrText>
      </w:r>
      <w:r>
        <w:fldChar w:fldCharType="separate"/>
      </w:r>
      <w:r w:rsidR="00970777">
        <w:rPr>
          <w:noProof/>
        </w:rPr>
        <w:t>2</w:t>
      </w:r>
      <w:r>
        <w:fldChar w:fldCharType="end"/>
      </w:r>
      <w:r>
        <w:t>: Pre-randomisation baseline characteristics</w:t>
      </w:r>
    </w:p>
    <w:p w14:paraId="036EB1C5" w14:textId="6275CE88" w:rsidR="00867928" w:rsidRDefault="00867928" w:rsidP="00EC5B6A">
      <w:pPr>
        <w:rPr>
          <w:lang w:eastAsia="en-US"/>
        </w:rPr>
      </w:pPr>
    </w:p>
    <w:tbl>
      <w:tblPr>
        <w:tblW w:w="9033" w:type="dxa"/>
        <w:tblLook w:val="04A0" w:firstRow="1" w:lastRow="0" w:firstColumn="1" w:lastColumn="0" w:noHBand="0" w:noVBand="1"/>
      </w:tblPr>
      <w:tblGrid>
        <w:gridCol w:w="3835"/>
        <w:gridCol w:w="2599"/>
        <w:gridCol w:w="2599"/>
      </w:tblGrid>
      <w:tr w:rsidR="00B83374" w:rsidRPr="00B83374" w14:paraId="7F7F8619" w14:textId="77777777" w:rsidTr="008B490D">
        <w:trPr>
          <w:cantSplit/>
          <w:trHeight w:val="407"/>
          <w:tblHeader/>
        </w:trPr>
        <w:tc>
          <w:tcPr>
            <w:tcW w:w="383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115A7396" w14:textId="7AC482FA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 xml:space="preserve">Table </w:t>
            </w:r>
            <w:r w:rsidR="008B490D"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2:</w:t>
            </w: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 xml:space="preserve"> Pre-randomisation baseline character</w:t>
            </w:r>
            <w: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i</w:t>
            </w: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stics</w:t>
            </w:r>
          </w:p>
        </w:tc>
        <w:tc>
          <w:tcPr>
            <w:tcW w:w="2599" w:type="dxa"/>
            <w:tcBorders>
              <w:top w:val="single" w:sz="4" w:space="0" w:color="auto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610E9A7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Olaparib</w:t>
            </w:r>
          </w:p>
        </w:tc>
        <w:tc>
          <w:tcPr>
            <w:tcW w:w="2599" w:type="dxa"/>
            <w:tcBorders>
              <w:top w:val="single" w:sz="4" w:space="0" w:color="auto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1E0934B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Placebo</w:t>
            </w:r>
          </w:p>
        </w:tc>
      </w:tr>
      <w:tr w:rsidR="00B83374" w:rsidRPr="00B83374" w14:paraId="14658709" w14:textId="77777777" w:rsidTr="008B490D">
        <w:trPr>
          <w:cantSplit/>
          <w:trHeight w:val="407"/>
          <w:tblHeader/>
        </w:trPr>
        <w:tc>
          <w:tcPr>
            <w:tcW w:w="383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5A4875D3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8DD0C86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N=32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336479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N=38</w:t>
            </w:r>
          </w:p>
        </w:tc>
      </w:tr>
      <w:tr w:rsidR="00B83374" w:rsidRPr="00B83374" w14:paraId="592A6CC8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15FA1E91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Sex - N (%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773604A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041D8E3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79DA8913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B9C1936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Male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E7FFD5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6 (50.0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F25D7F4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4 (63.2)</w:t>
            </w:r>
          </w:p>
        </w:tc>
      </w:tr>
      <w:tr w:rsidR="00B83374" w:rsidRPr="00B83374" w14:paraId="1704FA9D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FC98B26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Female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1EC045B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6 (50.0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66FB87A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4 (36.8)</w:t>
            </w:r>
          </w:p>
        </w:tc>
      </w:tr>
      <w:tr w:rsidR="00B83374" w:rsidRPr="00B83374" w14:paraId="39F443A2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50F1ECB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 xml:space="preserve">Age - n, </w:t>
            </w:r>
            <w:proofErr w:type="gramStart"/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median(</w:t>
            </w:r>
            <w:proofErr w:type="gramEnd"/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IQR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01D2FB5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1, 64.7 (60.5-71.5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ABC040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8, 63.3 (58.6-69.9)</w:t>
            </w:r>
          </w:p>
        </w:tc>
      </w:tr>
      <w:tr w:rsidR="00B83374" w:rsidRPr="00B83374" w14:paraId="207F3222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AD380AE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Smoking history - N (%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EFC8374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84BD6E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 </w:t>
            </w:r>
          </w:p>
        </w:tc>
      </w:tr>
      <w:tr w:rsidR="00B83374" w:rsidRPr="00B83374" w14:paraId="50DE3283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AB30543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Never smoked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0DDBD0C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 (9.4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5AA49CD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 (7.9)</w:t>
            </w:r>
          </w:p>
        </w:tc>
      </w:tr>
      <w:tr w:rsidR="00B83374" w:rsidRPr="00B83374" w14:paraId="7917E9F4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7449AC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Ever smoked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DF3110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9 (90.6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0DFE9C5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5 (92.1)</w:t>
            </w:r>
          </w:p>
        </w:tc>
      </w:tr>
      <w:tr w:rsidR="00B83374" w:rsidRPr="00B83374" w14:paraId="7233303D" w14:textId="77777777" w:rsidTr="008B490D">
        <w:trPr>
          <w:trHeight w:val="407"/>
        </w:trPr>
        <w:tc>
          <w:tcPr>
            <w:tcW w:w="383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577291B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 xml:space="preserve">Systolic BP - n, </w:t>
            </w:r>
            <w:proofErr w:type="gramStart"/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median(</w:t>
            </w:r>
            <w:proofErr w:type="gramEnd"/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IQR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770C733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2, 133.0 (123.5-150.0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C96D9EC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8, 132.0 (124.0-146.0)</w:t>
            </w:r>
          </w:p>
        </w:tc>
      </w:tr>
      <w:tr w:rsidR="00B83374" w:rsidRPr="00B83374" w14:paraId="4E93E598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0CE7797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 xml:space="preserve">Diastolic BP - n, </w:t>
            </w:r>
            <w:proofErr w:type="gramStart"/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median(</w:t>
            </w:r>
            <w:proofErr w:type="gramEnd"/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IQR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BCEB73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2, 73.5 (69.5-86.5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456BCC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8, 76.5 (73.0-87.0)</w:t>
            </w:r>
          </w:p>
        </w:tc>
      </w:tr>
      <w:tr w:rsidR="00B83374" w:rsidRPr="00B83374" w14:paraId="1EFE1875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ADBDBE0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 xml:space="preserve">Oxygen saturation - n, </w:t>
            </w:r>
            <w:proofErr w:type="gramStart"/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median(</w:t>
            </w:r>
            <w:proofErr w:type="gramEnd"/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IQR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F8EEA2D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0, 97.5 (97.0-98.0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8BABD54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8, 97.0 (96.0-98.0)</w:t>
            </w:r>
          </w:p>
        </w:tc>
      </w:tr>
      <w:tr w:rsidR="00B83374" w:rsidRPr="00B83374" w14:paraId="3B508690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4FD0B49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 xml:space="preserve">Pulse - n, </w:t>
            </w:r>
            <w:proofErr w:type="gramStart"/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median(</w:t>
            </w:r>
            <w:proofErr w:type="gramEnd"/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IQR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AA6ADA2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2, 80.0 (74.0-88.5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7600FF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8, 86.0 (77.0-95.0)</w:t>
            </w:r>
          </w:p>
        </w:tc>
      </w:tr>
      <w:tr w:rsidR="00B83374" w:rsidRPr="00B83374" w14:paraId="05D2094A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B471F73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 xml:space="preserve">Weight - n, </w:t>
            </w:r>
            <w:proofErr w:type="gramStart"/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median(</w:t>
            </w:r>
            <w:proofErr w:type="gramEnd"/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IQR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28E5027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2, 75.7 (63.3-83.6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8A5A5A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8, 74.9 (62.3-93.8)</w:t>
            </w:r>
          </w:p>
        </w:tc>
      </w:tr>
      <w:tr w:rsidR="00B83374" w:rsidRPr="00B83374" w14:paraId="41A73E39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5BAFFC6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ECOG status - N (%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1F328F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8787ED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594953F2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80AE00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0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44260A3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9 (28.1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182281A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3 (34.2)</w:t>
            </w:r>
          </w:p>
        </w:tc>
      </w:tr>
      <w:tr w:rsidR="00B83374" w:rsidRPr="00B83374" w14:paraId="46A9CD79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D265755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2F151B6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3 (71.9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ED89A72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5 (65.8)</w:t>
            </w:r>
          </w:p>
        </w:tc>
      </w:tr>
      <w:tr w:rsidR="00B83374" w:rsidRPr="00B83374" w14:paraId="356B2239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B3C6E6D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 xml:space="preserve">ECG Resting QTc - n, </w:t>
            </w:r>
            <w:proofErr w:type="gramStart"/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median(</w:t>
            </w:r>
            <w:proofErr w:type="gramEnd"/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IQR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86532C6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2, 425.5 (413.0-439.0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D59B46A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7, 431.0 (417.0-445.0)</w:t>
            </w:r>
          </w:p>
        </w:tc>
      </w:tr>
      <w:tr w:rsidR="00B83374" w:rsidRPr="00B83374" w14:paraId="0C228E97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A0CA4C5" w14:textId="77777777" w:rsidR="00B83374" w:rsidRPr="00B83374" w:rsidRDefault="00B83374" w:rsidP="00B83374">
            <w:pPr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URINALYSIS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219FF06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A593A6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453CD398" w14:textId="77777777" w:rsidTr="008B490D">
        <w:trPr>
          <w:trHeight w:val="407"/>
        </w:trPr>
        <w:tc>
          <w:tcPr>
            <w:tcW w:w="3835" w:type="dxa"/>
            <w:tcBorders>
              <w:top w:val="single" w:sz="4" w:space="0" w:color="auto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4C4E311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pH Normal - N (%)</w:t>
            </w:r>
          </w:p>
        </w:tc>
        <w:tc>
          <w:tcPr>
            <w:tcW w:w="2599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047BD1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single" w:sz="4" w:space="0" w:color="auto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B2E2B38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78F71BD6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98E364D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Yes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FC5F7C5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8 (87.5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8BF2B9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2 (84.2)</w:t>
            </w:r>
          </w:p>
        </w:tc>
      </w:tr>
      <w:tr w:rsidR="00B83374" w:rsidRPr="00B83374" w14:paraId="186274A5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AF3C97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No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585BE37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 (9.4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6DF1CD8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4 (10.5)</w:t>
            </w:r>
          </w:p>
        </w:tc>
      </w:tr>
      <w:tr w:rsidR="00B83374" w:rsidRPr="00B83374" w14:paraId="5D5B62A2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421A02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Missing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90ACE1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E903558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 (5.3)</w:t>
            </w:r>
          </w:p>
        </w:tc>
      </w:tr>
      <w:tr w:rsidR="00B83374" w:rsidRPr="00B83374" w14:paraId="78213208" w14:textId="77777777" w:rsidTr="008B490D">
        <w:trPr>
          <w:trHeight w:val="407"/>
        </w:trPr>
        <w:tc>
          <w:tcPr>
            <w:tcW w:w="3835" w:type="dxa"/>
            <w:tcBorders>
              <w:top w:val="single" w:sz="4" w:space="0" w:color="auto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E3CFC0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pH clinically significant - N (%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FA5A5A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0D00A1F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7382A668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C8956F7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Yes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BDA1786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8C548B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0 (0.0)</w:t>
            </w:r>
          </w:p>
        </w:tc>
      </w:tr>
      <w:tr w:rsidR="00B83374" w:rsidRPr="00B83374" w14:paraId="3B8F84D1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636EA8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No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3CF211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0 (93.8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C36560A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6 (94.7)</w:t>
            </w:r>
          </w:p>
        </w:tc>
      </w:tr>
      <w:tr w:rsidR="00B83374" w:rsidRPr="00B83374" w14:paraId="17AF2C9B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BE70ED6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Missing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A30D11A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DD2B67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 (5.3)</w:t>
            </w:r>
          </w:p>
        </w:tc>
      </w:tr>
      <w:tr w:rsidR="00B83374" w:rsidRPr="00B83374" w14:paraId="2F753C45" w14:textId="77777777" w:rsidTr="008B490D">
        <w:trPr>
          <w:trHeight w:val="407"/>
        </w:trPr>
        <w:tc>
          <w:tcPr>
            <w:tcW w:w="3835" w:type="dxa"/>
            <w:tcBorders>
              <w:top w:val="single" w:sz="4" w:space="0" w:color="auto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64EF879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Glucose Normal - N (%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E9EFC5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4439344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360EC6E6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F95EF1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Yes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60339BF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1 (96.9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4CB4B25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3 (86.8)</w:t>
            </w:r>
          </w:p>
        </w:tc>
      </w:tr>
      <w:tr w:rsidR="00B83374" w:rsidRPr="00B83374" w14:paraId="0CF26229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FF13427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No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36AAAC4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0 (0.0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E25D892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 (7.9)</w:t>
            </w:r>
          </w:p>
        </w:tc>
      </w:tr>
      <w:tr w:rsidR="00B83374" w:rsidRPr="00B83374" w14:paraId="6633D9B4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9AC81F5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lastRenderedPageBreak/>
              <w:t>Missing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A025D48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7C185B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 (5.3)</w:t>
            </w:r>
          </w:p>
        </w:tc>
      </w:tr>
      <w:tr w:rsidR="00B83374" w:rsidRPr="00B83374" w14:paraId="06411773" w14:textId="77777777" w:rsidTr="008B490D">
        <w:trPr>
          <w:trHeight w:val="407"/>
        </w:trPr>
        <w:tc>
          <w:tcPr>
            <w:tcW w:w="3835" w:type="dxa"/>
            <w:tcBorders>
              <w:top w:val="single" w:sz="4" w:space="0" w:color="auto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33C3E0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Glucose clinically significant - N (%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2EE6162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E1AD3E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5F95B2C7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A2D3CEB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Yes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486C84F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1BF365F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 (5.3)</w:t>
            </w:r>
          </w:p>
        </w:tc>
      </w:tr>
      <w:tr w:rsidR="00B83374" w:rsidRPr="00B83374" w14:paraId="022B176E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CF85516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No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DE4E9D6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0 (93.8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1EB7D1A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4 (89.5)</w:t>
            </w:r>
          </w:p>
        </w:tc>
      </w:tr>
      <w:tr w:rsidR="00B83374" w:rsidRPr="00B83374" w14:paraId="787ABFB7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A2E874A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Missing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60901CA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296A668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 (5.3)</w:t>
            </w:r>
          </w:p>
        </w:tc>
      </w:tr>
      <w:tr w:rsidR="00B83374" w:rsidRPr="00B83374" w14:paraId="6058789E" w14:textId="77777777" w:rsidTr="008B490D">
        <w:trPr>
          <w:trHeight w:val="407"/>
        </w:trPr>
        <w:tc>
          <w:tcPr>
            <w:tcW w:w="3835" w:type="dxa"/>
            <w:tcBorders>
              <w:top w:val="single" w:sz="4" w:space="0" w:color="auto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19CAD1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Blood Normal - N (%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08666C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F22AD2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10D3D012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D1836FD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Yes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5026FD5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6 (81.3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9893C1C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1 (81.6)</w:t>
            </w:r>
          </w:p>
        </w:tc>
      </w:tr>
      <w:tr w:rsidR="00B83374" w:rsidRPr="00B83374" w14:paraId="2477B10A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8E20A7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No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2B885D3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5 (15.6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BF2962A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5 (13.2)</w:t>
            </w:r>
          </w:p>
        </w:tc>
      </w:tr>
      <w:tr w:rsidR="00B83374" w:rsidRPr="00B83374" w14:paraId="15A02DFE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ECF86B4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Missing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A6F7877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16D353D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 (5.3)</w:t>
            </w:r>
          </w:p>
        </w:tc>
      </w:tr>
      <w:tr w:rsidR="00B83374" w:rsidRPr="00B83374" w14:paraId="40E1C4F0" w14:textId="77777777" w:rsidTr="008B490D">
        <w:trPr>
          <w:trHeight w:val="407"/>
        </w:trPr>
        <w:tc>
          <w:tcPr>
            <w:tcW w:w="3835" w:type="dxa"/>
            <w:tcBorders>
              <w:top w:val="single" w:sz="4" w:space="0" w:color="auto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113208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Blood clinically significant - N (%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7B91EB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3DB5892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099A9F52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04CF43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Yes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342CC3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 (6.3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4A002D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 (7.9)</w:t>
            </w:r>
          </w:p>
        </w:tc>
      </w:tr>
      <w:tr w:rsidR="00B83374" w:rsidRPr="00B83374" w14:paraId="09977149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BDEC7C3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No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CA2357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9 (90.6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5E91354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3 (86.8)</w:t>
            </w:r>
          </w:p>
        </w:tc>
      </w:tr>
      <w:tr w:rsidR="00B83374" w:rsidRPr="00B83374" w14:paraId="7297A2DD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1E1A31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Missing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839505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9CCD86C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 (5.3)</w:t>
            </w:r>
          </w:p>
        </w:tc>
      </w:tr>
      <w:tr w:rsidR="00B83374" w:rsidRPr="00B83374" w14:paraId="32752985" w14:textId="77777777" w:rsidTr="008B490D">
        <w:trPr>
          <w:trHeight w:val="407"/>
        </w:trPr>
        <w:tc>
          <w:tcPr>
            <w:tcW w:w="3835" w:type="dxa"/>
            <w:tcBorders>
              <w:top w:val="single" w:sz="4" w:space="0" w:color="auto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4FED40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Protein Normal - N (%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B4D788F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616C44B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67939059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3C6969A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Yes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48C7022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5 (78.1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AB6883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1 (81.6)</w:t>
            </w:r>
          </w:p>
        </w:tc>
      </w:tr>
      <w:tr w:rsidR="00B83374" w:rsidRPr="00B83374" w14:paraId="433D67D5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3158A4A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No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C66F833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6 (18.8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54C82A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5 (13.2)</w:t>
            </w:r>
          </w:p>
        </w:tc>
      </w:tr>
      <w:tr w:rsidR="00B83374" w:rsidRPr="00B83374" w14:paraId="148575A3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5C5397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Missing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A39361C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FDDA165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 (5.3)</w:t>
            </w:r>
          </w:p>
        </w:tc>
      </w:tr>
      <w:tr w:rsidR="00B83374" w:rsidRPr="00B83374" w14:paraId="71867F8A" w14:textId="77777777" w:rsidTr="008B490D">
        <w:trPr>
          <w:trHeight w:val="407"/>
        </w:trPr>
        <w:tc>
          <w:tcPr>
            <w:tcW w:w="3835" w:type="dxa"/>
            <w:tcBorders>
              <w:top w:val="single" w:sz="4" w:space="0" w:color="auto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FEAECD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Protein clinically significant - N (%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B84DE57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35290B6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167D1941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FD7C0C6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Yes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30B5EA6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0 (0.0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63ABD4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 (7.9)</w:t>
            </w:r>
          </w:p>
        </w:tc>
      </w:tr>
      <w:tr w:rsidR="00B83374" w:rsidRPr="00B83374" w14:paraId="1ADF1BEB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83E83C4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No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151D60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1 (96.9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B8CFD52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3 (86.8)</w:t>
            </w:r>
          </w:p>
        </w:tc>
      </w:tr>
      <w:tr w:rsidR="00B83374" w:rsidRPr="00B83374" w14:paraId="16A0145C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C3EB3D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Missing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C8695DA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22F9627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 (5.3)</w:t>
            </w:r>
          </w:p>
        </w:tc>
      </w:tr>
      <w:tr w:rsidR="00B83374" w:rsidRPr="00B83374" w14:paraId="2FD5DF2C" w14:textId="77777777" w:rsidTr="008B490D">
        <w:trPr>
          <w:trHeight w:val="407"/>
        </w:trPr>
        <w:tc>
          <w:tcPr>
            <w:tcW w:w="3835" w:type="dxa"/>
            <w:tcBorders>
              <w:top w:val="single" w:sz="4" w:space="0" w:color="auto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639DE1F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Leucocytes Normal - N (%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50B16CA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57620D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22156A49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ADF6E6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Yes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89A5F73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9 (90.6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54C7AF2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5 (92.1)</w:t>
            </w:r>
          </w:p>
        </w:tc>
      </w:tr>
      <w:tr w:rsidR="00B83374" w:rsidRPr="00B83374" w14:paraId="208DC854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A9B3A3A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No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0159665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737539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83374" w:rsidRPr="00B83374" w14:paraId="410ABDB5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A4B12A8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Missing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D17B69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 (6.3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1C36BC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 (5.3)</w:t>
            </w:r>
          </w:p>
        </w:tc>
      </w:tr>
      <w:tr w:rsidR="00B83374" w:rsidRPr="00B83374" w14:paraId="55B36E1C" w14:textId="77777777" w:rsidTr="008B490D">
        <w:trPr>
          <w:trHeight w:val="407"/>
        </w:trPr>
        <w:tc>
          <w:tcPr>
            <w:tcW w:w="3835" w:type="dxa"/>
            <w:tcBorders>
              <w:top w:val="single" w:sz="4" w:space="0" w:color="auto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1CB1BB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Leucocytes clinically significant - N (%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BDB2FC4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2C4746D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1BF8FC80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F94135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Yes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EB600E3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74CE4F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83374" w:rsidRPr="00B83374" w14:paraId="15584DE5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9FB7E63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No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02C652D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9 (90.6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2320E38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5 (92.1)</w:t>
            </w:r>
          </w:p>
        </w:tc>
      </w:tr>
      <w:tr w:rsidR="00B83374" w:rsidRPr="00B83374" w14:paraId="69284DDF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7B0F9F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Missing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B73812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 (6.3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92DB29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 (5.3)</w:t>
            </w:r>
          </w:p>
        </w:tc>
      </w:tr>
      <w:tr w:rsidR="00B83374" w:rsidRPr="00B83374" w14:paraId="6CA2EB1B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A40651D" w14:textId="77777777" w:rsidR="00B83374" w:rsidRPr="00B83374" w:rsidRDefault="00B83374" w:rsidP="00B83374">
            <w:pPr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lastRenderedPageBreak/>
              <w:t>Blood results - n, median (IQR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373E21A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FB5CDBF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2DA7E3E3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1225907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 xml:space="preserve">Serum creatinine - </w:t>
            </w:r>
            <w:proofErr w:type="spellStart"/>
            <w:r w:rsidRPr="00B83374">
              <w:rPr>
                <w:rFonts w:eastAsia="Times New Roman" w:cs="Times New Roman"/>
                <w:sz w:val="22"/>
                <w:szCs w:val="22"/>
              </w:rPr>
              <w:t>umol</w:t>
            </w:r>
            <w:proofErr w:type="spellEnd"/>
            <w:r w:rsidRPr="00B83374">
              <w:rPr>
                <w:rFonts w:eastAsia="Times New Roman" w:cs="Times New Roman"/>
                <w:sz w:val="22"/>
                <w:szCs w:val="22"/>
              </w:rPr>
              <w:t>/L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DBE42E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2, 73.5 (60.0-82.0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7186357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8, 76.5 (60.0-84.0)</w:t>
            </w:r>
          </w:p>
        </w:tc>
      </w:tr>
      <w:tr w:rsidR="00B83374" w:rsidRPr="00B83374" w14:paraId="69AB8442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CDE48CB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Urea - mmol/L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69B589C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0, 5.3 (3.8-5.9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0A3096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8, 4.6 (3.2-5.9)</w:t>
            </w:r>
          </w:p>
        </w:tc>
      </w:tr>
      <w:tr w:rsidR="00B83374" w:rsidRPr="00B83374" w14:paraId="02495099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3FDD6C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Corrected calcium - mmol/L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C2490D6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2, 2.4 (2.4-2.5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1D56325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8, 2.4 (2.3-2.4)</w:t>
            </w:r>
          </w:p>
        </w:tc>
      </w:tr>
      <w:tr w:rsidR="00B83374" w:rsidRPr="00B83374" w14:paraId="68C8D836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1A59C0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Albumin - g/L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95EA276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2, 41.0 (39.5-43.5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E8B806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8, 42.0 (38.0-44.0)</w:t>
            </w:r>
          </w:p>
        </w:tc>
      </w:tr>
      <w:tr w:rsidR="00B83374" w:rsidRPr="00B83374" w14:paraId="0B18C186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C1B7AB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Neutrophils - 10^9/L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53EA16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2, 3.4 (2.3-4.8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EC3DD98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8, 4.0 (3.1-5.8)</w:t>
            </w:r>
          </w:p>
        </w:tc>
      </w:tr>
      <w:tr w:rsidR="00B83374" w:rsidRPr="00B83374" w14:paraId="65504B51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FC4F916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WBC - 10^9/L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2949ECD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2, 5.4 (4.3-7.3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A9D0833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8, 6.7 (5.8-9.0)</w:t>
            </w:r>
          </w:p>
        </w:tc>
      </w:tr>
      <w:tr w:rsidR="00B83374" w:rsidRPr="00B83374" w14:paraId="2217FF4F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4664482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ALT - IU/L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25F0025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0, 18.0 (14.0-28.0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195923D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7, 23.0 (13.0-30.0)</w:t>
            </w:r>
          </w:p>
        </w:tc>
      </w:tr>
      <w:tr w:rsidR="00B83374" w:rsidRPr="00B83374" w14:paraId="20493FE6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DAA48AD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ALP - IU/L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8B2D98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0, 86.0 (78.0-107.0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0510C14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6, 93.5 (72.5-114.0)</w:t>
            </w:r>
          </w:p>
        </w:tc>
      </w:tr>
      <w:tr w:rsidR="00B83374" w:rsidRPr="00B83374" w14:paraId="63CFABE0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5250BDC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 xml:space="preserve">Serum bilirubin - </w:t>
            </w:r>
            <w:proofErr w:type="spellStart"/>
            <w:r w:rsidRPr="00B83374">
              <w:rPr>
                <w:rFonts w:eastAsia="Times New Roman" w:cs="Times New Roman"/>
                <w:sz w:val="22"/>
                <w:szCs w:val="22"/>
              </w:rPr>
              <w:t>umol</w:t>
            </w:r>
            <w:proofErr w:type="spellEnd"/>
            <w:r w:rsidRPr="00B83374">
              <w:rPr>
                <w:rFonts w:eastAsia="Times New Roman" w:cs="Times New Roman"/>
                <w:sz w:val="22"/>
                <w:szCs w:val="22"/>
              </w:rPr>
              <w:t>/L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944BE54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2, 6.0 (4.5-7.5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D467A54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7, 6.0 (5.0-8.0)</w:t>
            </w:r>
          </w:p>
        </w:tc>
      </w:tr>
      <w:tr w:rsidR="00B83374" w:rsidRPr="00B83374" w14:paraId="7088354A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1019588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Potassium - mmol/L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4D23E2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2, 4.4 (4.2-4.6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0A6228C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7, 4.2 (4.0-4.7)</w:t>
            </w:r>
          </w:p>
        </w:tc>
      </w:tr>
      <w:tr w:rsidR="00B83374" w:rsidRPr="00B83374" w14:paraId="6603503C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4714F52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Sodium - mmol/L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9FCC4F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1, 140.0 (137.0-142.0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11C4EA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8, 138.5 (137.0-141.0)</w:t>
            </w:r>
          </w:p>
        </w:tc>
      </w:tr>
      <w:tr w:rsidR="00B83374" w:rsidRPr="00B83374" w14:paraId="6AF8A888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82A04B6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Platelets - 10^9/L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F0377B5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2, 319.0 (249.0-407.0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314406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8, 322.5 (228.0-417.0)</w:t>
            </w:r>
          </w:p>
        </w:tc>
      </w:tr>
      <w:tr w:rsidR="00B83374" w:rsidRPr="00B83374" w14:paraId="3C512267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0664AE3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Haemoglobin - 10^9/L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F53CC7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2, 107.5 (103.0-119.5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CD6ED0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8, 115.5 (105.0-124.0)</w:t>
            </w:r>
          </w:p>
        </w:tc>
      </w:tr>
      <w:tr w:rsidR="00B83374" w:rsidRPr="00B83374" w14:paraId="6AE7C8E2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FA1ADFA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RBC - 10^12/L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89BFA28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2, 3.5 (3.3-3.9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2D89C1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8, 3.6 (3.3-3.9)</w:t>
            </w:r>
          </w:p>
        </w:tc>
      </w:tr>
      <w:tr w:rsidR="00B83374" w:rsidRPr="00B83374" w14:paraId="00E25B9C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912735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AST - IU/L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3DFF0E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4, 19.5 (18.0-24.5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128AF85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6, 22.0 (17.0-27.0)</w:t>
            </w:r>
          </w:p>
        </w:tc>
      </w:tr>
      <w:tr w:rsidR="00B83374" w:rsidRPr="00B83374" w14:paraId="4E4C1AB7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6E11E6E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Site of target tumour - N (%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55922A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792301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3F5C819C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8A9C8BA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Primary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4867724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2 (68.8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595655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4 (63.2)</w:t>
            </w:r>
          </w:p>
        </w:tc>
      </w:tr>
      <w:tr w:rsidR="00B83374" w:rsidRPr="00B83374" w14:paraId="0126884C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AE50574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Lymph node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F0F0D6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4 (12.5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F830A15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7 (18.4)</w:t>
            </w:r>
          </w:p>
        </w:tc>
      </w:tr>
      <w:tr w:rsidR="00B83374" w:rsidRPr="00B83374" w14:paraId="157289E6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E4775B8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Liver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67BF0D4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BD2EA47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83374" w:rsidRPr="00B83374" w14:paraId="357BF182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62109C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Adrenal glands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C820818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 (6.3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37D358B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 (5.3)</w:t>
            </w:r>
          </w:p>
        </w:tc>
      </w:tr>
      <w:tr w:rsidR="00B83374" w:rsidRPr="00B83374" w14:paraId="0DCC735B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EECE42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Other (specify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0F9F43B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 (6.3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01B2E4F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4 (10.5)</w:t>
            </w:r>
          </w:p>
        </w:tc>
      </w:tr>
      <w:tr w:rsidR="00B83374" w:rsidRPr="00B83374" w14:paraId="1525678A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77217B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83374">
              <w:rPr>
                <w:rFonts w:eastAsia="Times New Roman" w:cs="Times New Roman"/>
                <w:i/>
                <w:iCs/>
                <w:sz w:val="22"/>
                <w:szCs w:val="22"/>
              </w:rPr>
              <w:t>Left upper lobe mass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F03AC87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AFE9EF7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83374" w:rsidRPr="00B83374" w14:paraId="3E10584A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701CBB5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83374">
              <w:rPr>
                <w:rFonts w:eastAsia="Times New Roman" w:cs="Times New Roman"/>
                <w:i/>
                <w:iCs/>
                <w:sz w:val="22"/>
                <w:szCs w:val="22"/>
              </w:rPr>
              <w:t>Right apical lower lobe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AF0CFE4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36468AD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571ED6A5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417E58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83374">
              <w:rPr>
                <w:rFonts w:eastAsia="Times New Roman" w:cs="Times New Roman"/>
                <w:i/>
                <w:iCs/>
                <w:sz w:val="22"/>
                <w:szCs w:val="22"/>
              </w:rPr>
              <w:t>Central left lung mass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3CC387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C9E11D3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83374" w:rsidRPr="00B83374" w14:paraId="53234ED4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51D4FA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83374">
              <w:rPr>
                <w:rFonts w:eastAsia="Times New Roman" w:cs="Times New Roman"/>
                <w:i/>
                <w:iCs/>
                <w:sz w:val="22"/>
                <w:szCs w:val="22"/>
              </w:rPr>
              <w:t>Apical left lower lobe metastases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086BAF3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BBED5F8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83374" w:rsidRPr="00B83374" w14:paraId="17DDB0F8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C93FCA7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83374">
              <w:rPr>
                <w:rFonts w:eastAsia="Times New Roman" w:cs="Times New Roman"/>
                <w:i/>
                <w:iCs/>
                <w:sz w:val="22"/>
                <w:szCs w:val="22"/>
              </w:rPr>
              <w:t>Left anterior lung mass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45039C8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4C58074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09811861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EDAD0D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83374">
              <w:rPr>
                <w:rFonts w:eastAsia="Times New Roman" w:cs="Times New Roman"/>
                <w:i/>
                <w:iCs/>
                <w:sz w:val="22"/>
                <w:szCs w:val="22"/>
              </w:rPr>
              <w:t>Left lower lobe basal met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B8BA606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76CF1B2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83374" w:rsidRPr="00B83374" w14:paraId="4904D100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890E52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83374">
              <w:rPr>
                <w:rFonts w:eastAsia="Times New Roman" w:cs="Times New Roman"/>
                <w:i/>
                <w:iCs/>
                <w:sz w:val="22"/>
                <w:szCs w:val="22"/>
              </w:rPr>
              <w:t>Right basal lung mass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9B2FD0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2A2C24C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671C3969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8D2BC5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83374">
              <w:rPr>
                <w:rFonts w:eastAsia="Times New Roman" w:cs="Times New Roman"/>
                <w:i/>
                <w:iCs/>
                <w:sz w:val="22"/>
                <w:szCs w:val="22"/>
              </w:rPr>
              <w:t>Left lower lobe tumour mass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79089E2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F067DFD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83374" w:rsidRPr="00B83374" w14:paraId="7C8444CE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0D35D9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83374">
              <w:rPr>
                <w:rFonts w:eastAsia="Times New Roman" w:cs="Times New Roman"/>
                <w:i/>
                <w:iCs/>
                <w:sz w:val="22"/>
                <w:szCs w:val="22"/>
              </w:rPr>
              <w:lastRenderedPageBreak/>
              <w:t>Inferior lingula met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7B95726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C510D9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83374" w:rsidRPr="00B83374" w14:paraId="5EE1E6C4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9508DF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83374">
              <w:rPr>
                <w:rFonts w:eastAsia="Times New Roman" w:cs="Times New Roman"/>
                <w:i/>
                <w:iCs/>
                <w:sz w:val="22"/>
                <w:szCs w:val="22"/>
              </w:rPr>
              <w:t>Aortopulmonary soft tissue mass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262412D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E6B211B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83374" w:rsidRPr="00B83374" w14:paraId="1D3D6785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B5EE4D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83374">
              <w:rPr>
                <w:rFonts w:eastAsia="Times New Roman" w:cs="Times New Roman"/>
                <w:i/>
                <w:iCs/>
                <w:sz w:val="22"/>
                <w:szCs w:val="22"/>
              </w:rPr>
              <w:t>Anterior mediastinal mass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27ECF33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5DF93F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599A5E2F" w14:textId="77777777" w:rsidTr="008B490D">
        <w:trPr>
          <w:trHeight w:val="814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7B910B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83374">
              <w:rPr>
                <w:rFonts w:eastAsia="Times New Roman" w:cs="Times New Roman"/>
                <w:i/>
                <w:iCs/>
                <w:sz w:val="22"/>
                <w:szCs w:val="22"/>
              </w:rPr>
              <w:t xml:space="preserve">Low right </w:t>
            </w:r>
            <w:proofErr w:type="spellStart"/>
            <w:r w:rsidRPr="00B83374">
              <w:rPr>
                <w:rFonts w:eastAsia="Times New Roman" w:cs="Times New Roman"/>
                <w:i/>
                <w:iCs/>
                <w:sz w:val="22"/>
                <w:szCs w:val="22"/>
              </w:rPr>
              <w:t>paratrachael</w:t>
            </w:r>
            <w:proofErr w:type="spellEnd"/>
            <w:r w:rsidRPr="00B83374">
              <w:rPr>
                <w:rFonts w:eastAsia="Times New Roman" w:cs="Times New Roman"/>
                <w:i/>
                <w:iCs/>
                <w:sz w:val="22"/>
                <w:szCs w:val="22"/>
              </w:rPr>
              <w:t xml:space="preserve"> / </w:t>
            </w:r>
            <w:proofErr w:type="spellStart"/>
            <w:r w:rsidRPr="00B83374">
              <w:rPr>
                <w:rFonts w:eastAsia="Times New Roman" w:cs="Times New Roman"/>
                <w:i/>
                <w:iCs/>
                <w:sz w:val="22"/>
                <w:szCs w:val="22"/>
              </w:rPr>
              <w:t>precarninal</w:t>
            </w:r>
            <w:proofErr w:type="spellEnd"/>
            <w:r w:rsidRPr="00B83374">
              <w:rPr>
                <w:rFonts w:eastAsia="Times New Roman" w:cs="Times New Roman"/>
                <w:i/>
                <w:iCs/>
                <w:sz w:val="22"/>
                <w:szCs w:val="22"/>
              </w:rPr>
              <w:t xml:space="preserve"> node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1C212B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D53F993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83374" w:rsidRPr="00B83374" w14:paraId="5560D66D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21C0C7D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83374">
              <w:rPr>
                <w:rFonts w:eastAsia="Times New Roman" w:cs="Times New Roman"/>
                <w:i/>
                <w:iCs/>
                <w:sz w:val="22"/>
                <w:szCs w:val="22"/>
              </w:rPr>
              <w:t>Subcarinal node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917E1F6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444904F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83374" w:rsidRPr="00B83374" w14:paraId="14E757EF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F0F087B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proofErr w:type="spellStart"/>
            <w:r w:rsidRPr="00B83374">
              <w:rPr>
                <w:rFonts w:eastAsia="Times New Roman" w:cs="Times New Roman"/>
                <w:i/>
                <w:iCs/>
                <w:sz w:val="22"/>
                <w:szCs w:val="22"/>
              </w:rPr>
              <w:t>Paracardiac</w:t>
            </w:r>
            <w:proofErr w:type="spellEnd"/>
            <w:r w:rsidRPr="00B83374">
              <w:rPr>
                <w:rFonts w:eastAsia="Times New Roman" w:cs="Times New Roman"/>
                <w:i/>
                <w:iCs/>
                <w:sz w:val="22"/>
                <w:szCs w:val="22"/>
              </w:rPr>
              <w:t xml:space="preserve"> chest wall mass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EC564AB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5B3FC6A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83374" w:rsidRPr="00B83374" w14:paraId="34DD7B50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A25352F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i/>
                <w:iCs/>
                <w:sz w:val="22"/>
                <w:szCs w:val="22"/>
              </w:rPr>
            </w:pPr>
            <w:r w:rsidRPr="00B83374">
              <w:rPr>
                <w:rFonts w:eastAsia="Times New Roman" w:cs="Times New Roman"/>
                <w:i/>
                <w:iCs/>
                <w:sz w:val="22"/>
                <w:szCs w:val="22"/>
              </w:rPr>
              <w:t>Splenic lesion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075F8E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8D9C167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83374" w:rsidRPr="00B83374" w14:paraId="3D05BF58" w14:textId="77777777" w:rsidTr="008B490D">
        <w:trPr>
          <w:trHeight w:val="814"/>
        </w:trPr>
        <w:tc>
          <w:tcPr>
            <w:tcW w:w="3835" w:type="dxa"/>
            <w:tcBorders>
              <w:top w:val="single" w:sz="4" w:space="0" w:color="auto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FD07F4F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Longest Diameter of tumours - n, median (IQR)</w:t>
            </w:r>
          </w:p>
        </w:tc>
        <w:tc>
          <w:tcPr>
            <w:tcW w:w="2599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CB0CBF8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single" w:sz="4" w:space="0" w:color="auto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58DD3D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4B1AD8A4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08A68B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Primary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8DEF9FB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2, 29.5 (15.0-40.0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D290E6B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4, 39.5 (24.0-55.5)</w:t>
            </w:r>
          </w:p>
        </w:tc>
      </w:tr>
      <w:tr w:rsidR="00B83374" w:rsidRPr="00B83374" w14:paraId="3842835B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FF5E724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Lymph node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7B1289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4, 16.5 (13.5-19.0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26E305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7, 16.0 (10.0-19.0)</w:t>
            </w:r>
          </w:p>
        </w:tc>
      </w:tr>
      <w:tr w:rsidR="00B83374" w:rsidRPr="00B83374" w14:paraId="31D08D6A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AB6018A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Liver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365EFE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, 14.0 (14.0-14.0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8B1A33F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, 26.0 (26.0-26.0)</w:t>
            </w:r>
          </w:p>
        </w:tc>
      </w:tr>
      <w:tr w:rsidR="00B83374" w:rsidRPr="00B83374" w14:paraId="3E034B1D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8CDFA12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Adrenal glands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0FF40DC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, 47.5 (36.0-59.0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B67F3DD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, 15.5 (11.0-20.0)</w:t>
            </w:r>
          </w:p>
        </w:tc>
      </w:tr>
      <w:tr w:rsidR="00B83374" w:rsidRPr="00B83374" w14:paraId="208341E3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F657712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Other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295B7B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, 34.5 (30.0-39.0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4B5E0F1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4, 35.0 (24.5-46.0)</w:t>
            </w:r>
          </w:p>
        </w:tc>
      </w:tr>
      <w:tr w:rsidR="00B83374" w:rsidRPr="00B83374" w14:paraId="13E67071" w14:textId="77777777" w:rsidTr="008B490D">
        <w:trPr>
          <w:trHeight w:val="814"/>
        </w:trPr>
        <w:tc>
          <w:tcPr>
            <w:tcW w:w="3835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6836E1D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Sum of Longest Diameters - n, median (IQR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B2447C5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0, 53.5 (30.0-69.0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9E2265D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6, 44.5 (33.0-62.5)</w:t>
            </w:r>
          </w:p>
        </w:tc>
      </w:tr>
      <w:tr w:rsidR="00B83374" w:rsidRPr="00B83374" w14:paraId="5FFF7A56" w14:textId="77777777" w:rsidTr="008B490D">
        <w:trPr>
          <w:trHeight w:val="1221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A744A70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Pre-induction chemotherapy blood sample was taken for translational purposes - N (%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A5864AF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C1B57A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52D5A7C9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705240F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Yes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B454617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4 (100.0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B9EB6C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8 (90.0)</w:t>
            </w:r>
          </w:p>
        </w:tc>
      </w:tr>
      <w:tr w:rsidR="00B83374" w:rsidRPr="00B83374" w14:paraId="5DA70799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992A12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No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93D854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0 (0.0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82DBC8C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 (10.0)</w:t>
            </w:r>
          </w:p>
        </w:tc>
      </w:tr>
      <w:tr w:rsidR="00B83374" w:rsidRPr="00B83374" w14:paraId="5F59F0F6" w14:textId="77777777" w:rsidTr="008B490D">
        <w:trPr>
          <w:trHeight w:val="1221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BDB5005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t>Post-induction chemotherapy blood sample was taken for translational purposes - N (%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799CF0B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2A8C352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12342C8B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87DF4D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Yes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326D664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1 (96.9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3FB7E96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32 (84.2)</w:t>
            </w:r>
          </w:p>
        </w:tc>
      </w:tr>
      <w:tr w:rsidR="00B83374" w:rsidRPr="00B83374" w14:paraId="31E0CFE8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69D8145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No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3753DCA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0 (0.0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3D01C77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5 (13.2)</w:t>
            </w:r>
          </w:p>
        </w:tc>
      </w:tr>
      <w:tr w:rsidR="00B83374" w:rsidRPr="00B83374" w14:paraId="10AE0C6A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894C67C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Missing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E8F364D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3.1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722E4BD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 (2.6)</w:t>
            </w:r>
          </w:p>
        </w:tc>
      </w:tr>
      <w:tr w:rsidR="00B83374" w:rsidRPr="00B83374" w14:paraId="3514A9A9" w14:textId="77777777" w:rsidTr="008B490D">
        <w:trPr>
          <w:trHeight w:val="1221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01F0BC3" w14:textId="77777777" w:rsidR="00B83374" w:rsidRPr="00B83374" w:rsidRDefault="00B83374" w:rsidP="00B83374">
            <w:pPr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b/>
                <w:bCs/>
                <w:color w:val="000000"/>
                <w:sz w:val="22"/>
                <w:szCs w:val="22"/>
              </w:rPr>
              <w:lastRenderedPageBreak/>
              <w:t>The patient's archival tissue block has been requested for translational purposes - N (%)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212F5BB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C69E21F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</w:tr>
      <w:tr w:rsidR="00B83374" w:rsidRPr="00B83374" w14:paraId="18DE6F37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4BD8F8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Yes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7385E20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3 (71.9)</w:t>
            </w:r>
          </w:p>
        </w:tc>
        <w:tc>
          <w:tcPr>
            <w:tcW w:w="259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87FC612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26 (68.4)</w:t>
            </w:r>
          </w:p>
        </w:tc>
      </w:tr>
      <w:tr w:rsidR="00B83374" w:rsidRPr="00B83374" w14:paraId="2A35E4E9" w14:textId="77777777" w:rsidTr="008B490D">
        <w:trPr>
          <w:trHeight w:val="407"/>
        </w:trPr>
        <w:tc>
          <w:tcPr>
            <w:tcW w:w="3835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85D602E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Unknown</w:t>
            </w:r>
          </w:p>
        </w:tc>
        <w:tc>
          <w:tcPr>
            <w:tcW w:w="259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13F9E54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9 (28.1)</w:t>
            </w:r>
          </w:p>
        </w:tc>
        <w:tc>
          <w:tcPr>
            <w:tcW w:w="259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0A9B949" w14:textId="77777777" w:rsidR="00B83374" w:rsidRPr="00B83374" w:rsidRDefault="00B83374" w:rsidP="00B83374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B83374">
              <w:rPr>
                <w:rFonts w:eastAsia="Times New Roman" w:cs="Times New Roman"/>
                <w:sz w:val="22"/>
                <w:szCs w:val="22"/>
              </w:rPr>
              <w:t>12 (31.6)</w:t>
            </w:r>
          </w:p>
        </w:tc>
      </w:tr>
    </w:tbl>
    <w:p w14:paraId="3E99C3B2" w14:textId="77777777" w:rsidR="0037590B" w:rsidRDefault="00867928">
      <w:pPr>
        <w:rPr>
          <w:lang w:eastAsia="en-US"/>
        </w:rPr>
        <w:sectPr w:rsidR="0037590B" w:rsidSect="003F0493">
          <w:headerReference w:type="default" r:id="rId21"/>
          <w:footerReference w:type="default" r:id="rId22"/>
          <w:pgSz w:w="11906" w:h="16838"/>
          <w:pgMar w:top="851" w:right="1418" w:bottom="1080" w:left="1418" w:header="454" w:footer="510" w:gutter="0"/>
          <w:cols w:space="708"/>
          <w:docGrid w:linePitch="360"/>
        </w:sectPr>
      </w:pPr>
      <w:r>
        <w:rPr>
          <w:lang w:eastAsia="en-US"/>
        </w:rPr>
        <w:br w:type="page"/>
      </w:r>
    </w:p>
    <w:p w14:paraId="2972EBD2" w14:textId="0BA6634E" w:rsidR="00AA56CE" w:rsidRDefault="00AA56CE" w:rsidP="00AA56CE">
      <w:pPr>
        <w:pStyle w:val="Caption"/>
        <w:keepNext/>
      </w:pPr>
      <w:r>
        <w:lastRenderedPageBreak/>
        <w:t xml:space="preserve">Table </w:t>
      </w:r>
      <w:r>
        <w:fldChar w:fldCharType="begin"/>
      </w:r>
      <w:r>
        <w:instrText xml:space="preserve"> SEQ Table \* ARABIC </w:instrText>
      </w:r>
      <w:r>
        <w:fldChar w:fldCharType="separate"/>
      </w:r>
      <w:r w:rsidR="00970777">
        <w:rPr>
          <w:noProof/>
        </w:rPr>
        <w:t>3</w:t>
      </w:r>
      <w:r>
        <w:fldChar w:fldCharType="end"/>
      </w:r>
      <w:r>
        <w:t>: Treatment Details</w:t>
      </w:r>
    </w:p>
    <w:tbl>
      <w:tblPr>
        <w:tblW w:w="14360" w:type="dxa"/>
        <w:tblLook w:val="04A0" w:firstRow="1" w:lastRow="0" w:firstColumn="1" w:lastColumn="0" w:noHBand="0" w:noVBand="1"/>
      </w:tblPr>
      <w:tblGrid>
        <w:gridCol w:w="2680"/>
        <w:gridCol w:w="1460"/>
        <w:gridCol w:w="1460"/>
        <w:gridCol w:w="1460"/>
        <w:gridCol w:w="1460"/>
        <w:gridCol w:w="1460"/>
        <w:gridCol w:w="1460"/>
        <w:gridCol w:w="1460"/>
        <w:gridCol w:w="1460"/>
      </w:tblGrid>
      <w:tr w:rsidR="00D26494" w:rsidRPr="00D26494" w14:paraId="11379993" w14:textId="77777777" w:rsidTr="00D26494">
        <w:trPr>
          <w:trHeight w:val="300"/>
        </w:trPr>
        <w:tc>
          <w:tcPr>
            <w:tcW w:w="2680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17E7C311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Table </w:t>
            </w:r>
            <w:proofErr w:type="gramStart"/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3 :</w:t>
            </w:r>
            <w:proofErr w:type="gramEnd"/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 Treatment compliance</w:t>
            </w:r>
          </w:p>
        </w:tc>
        <w:tc>
          <w:tcPr>
            <w:tcW w:w="2920" w:type="dxa"/>
            <w:gridSpan w:val="2"/>
            <w:tcBorders>
              <w:top w:val="single" w:sz="4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31332C15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</w:t>
            </w:r>
          </w:p>
        </w:tc>
        <w:tc>
          <w:tcPr>
            <w:tcW w:w="2920" w:type="dxa"/>
            <w:gridSpan w:val="2"/>
            <w:tcBorders>
              <w:top w:val="single" w:sz="4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132EF15B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2</w:t>
            </w:r>
          </w:p>
        </w:tc>
        <w:tc>
          <w:tcPr>
            <w:tcW w:w="2920" w:type="dxa"/>
            <w:gridSpan w:val="2"/>
            <w:tcBorders>
              <w:top w:val="single" w:sz="4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0AEDEDBA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3</w:t>
            </w:r>
          </w:p>
        </w:tc>
        <w:tc>
          <w:tcPr>
            <w:tcW w:w="2920" w:type="dxa"/>
            <w:gridSpan w:val="2"/>
            <w:tcBorders>
              <w:top w:val="single" w:sz="4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64C5BEDA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4</w:t>
            </w:r>
          </w:p>
        </w:tc>
      </w:tr>
      <w:tr w:rsidR="00D26494" w:rsidRPr="00D26494" w14:paraId="56A64FB9" w14:textId="77777777" w:rsidTr="00D26494">
        <w:trPr>
          <w:trHeight w:val="300"/>
        </w:trPr>
        <w:tc>
          <w:tcPr>
            <w:tcW w:w="268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1D0B50DB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6299ABA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521C21E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B20A5A1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E7EFC30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89D8A17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EC7673A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2CFF1DE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E7E844C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</w:tr>
      <w:tr w:rsidR="00D26494" w:rsidRPr="00D26494" w14:paraId="2770EE40" w14:textId="77777777" w:rsidTr="00D26494">
        <w:trPr>
          <w:trHeight w:val="300"/>
        </w:trPr>
        <w:tc>
          <w:tcPr>
            <w:tcW w:w="268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454D3D34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F31DB4B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31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6B69932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38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62001E8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9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4F60D1B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35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0E6186E6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0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E80E0F9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5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1438BDF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7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759B490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3</w:t>
            </w:r>
          </w:p>
        </w:tc>
      </w:tr>
      <w:tr w:rsidR="00D26494" w:rsidRPr="00D26494" w14:paraId="3C64BA81" w14:textId="77777777" w:rsidTr="00D26494">
        <w:trPr>
          <w:trHeight w:val="6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270E358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Olaparib/placebo given to the patient - N (%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FCE757F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31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E7E4A67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38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DF90CE9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9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6712907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35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E3FB80D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0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D84A1A4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5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439DF07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7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B2DF033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3 (100.0)</w:t>
            </w:r>
          </w:p>
        </w:tc>
      </w:tr>
      <w:tr w:rsidR="00D26494" w:rsidRPr="00D26494" w14:paraId="0D70E0D5" w14:textId="77777777" w:rsidTr="00D26494">
        <w:trPr>
          <w:trHeight w:val="9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F53C8DE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Dose of Olaparib/placebo administered (mg) - n, median (IQR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C4DDCF7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31, 12600.0 (126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222D45B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38, 12600.0 (126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D39A516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9, 12600.0 (126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77F2AC3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35, 12600.0 (126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49858BA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0, 12600.0 (1215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390A1E7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5, 12600.0 (126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E9FD595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7, 12600.0 (126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4D1BDF2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3, 12600.0 (10500.0-12600.0)</w:t>
            </w:r>
          </w:p>
        </w:tc>
      </w:tr>
      <w:tr w:rsidR="00D26494" w:rsidRPr="00D26494" w14:paraId="2FF30123" w14:textId="77777777" w:rsidTr="00D26494">
        <w:trPr>
          <w:trHeight w:val="6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E6DFEC8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Dose reduction of Olaparib/placebo - N (%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CD4095D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D77EBF0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CA2FDAD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3 (10.3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3EAA520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 (5.7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BCD76D7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 (1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4551B7B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 (4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00BFD73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 (5.9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706EE5C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3 (13.0)</w:t>
            </w:r>
          </w:p>
        </w:tc>
      </w:tr>
      <w:tr w:rsidR="00D26494" w:rsidRPr="00D26494" w14:paraId="5167929F" w14:textId="77777777" w:rsidTr="00D26494">
        <w:trPr>
          <w:trHeight w:val="6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87F5AA8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Dose delay of Olaparib/placebo - N (%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8C5A8AF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3 (9.7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1E5309F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4 (10.5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086FE94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4 (13.8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5E16429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6 (17.1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2CC550F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3 (15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3E7E3F6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4 (16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2212118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4 (23.5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BFF6F8F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4 (17.4)</w:t>
            </w:r>
          </w:p>
        </w:tc>
      </w:tr>
      <w:tr w:rsidR="00D26494" w:rsidRPr="00D26494" w14:paraId="2B513681" w14:textId="77777777" w:rsidTr="00D26494">
        <w:trPr>
          <w:trHeight w:val="6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D70B728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Withdrawal from trial treatment - N (%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82F2165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 (6.5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320EB73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3 (7.9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0F54065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9 (31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BB41D36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1 (31.4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7D18C24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3 (15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CFA0DBB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 (8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FED91CE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4 (23.5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7FF61A1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8 (34.8)</w:t>
            </w:r>
          </w:p>
        </w:tc>
      </w:tr>
      <w:tr w:rsidR="005F7A87" w:rsidRPr="00D26494" w14:paraId="6D83F594" w14:textId="77777777" w:rsidTr="00D26494">
        <w:trPr>
          <w:trHeight w:val="300"/>
        </w:trPr>
        <w:tc>
          <w:tcPr>
            <w:tcW w:w="26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65A4C49C" w14:textId="77777777" w:rsidR="00D26494" w:rsidRPr="00D26494" w:rsidRDefault="00D26494" w:rsidP="00D26494">
            <w:pPr>
              <w:rPr>
                <w:rFonts w:eastAsia="Times New Roman"/>
                <w:sz w:val="22"/>
                <w:szCs w:val="22"/>
              </w:rPr>
            </w:pPr>
            <w:r w:rsidRPr="00D26494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7D177507" w14:textId="77777777" w:rsidR="00D26494" w:rsidRPr="00D26494" w:rsidRDefault="00D26494" w:rsidP="00D26494">
            <w:pPr>
              <w:rPr>
                <w:rFonts w:eastAsia="Times New Roman"/>
                <w:sz w:val="22"/>
                <w:szCs w:val="22"/>
              </w:rPr>
            </w:pPr>
            <w:r w:rsidRPr="00D26494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07F17E04" w14:textId="77777777" w:rsidR="00D26494" w:rsidRPr="00D26494" w:rsidRDefault="00D26494" w:rsidP="00D26494">
            <w:pPr>
              <w:rPr>
                <w:rFonts w:eastAsia="Times New Roman"/>
                <w:sz w:val="22"/>
                <w:szCs w:val="22"/>
              </w:rPr>
            </w:pPr>
            <w:r w:rsidRPr="00D26494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567C054A" w14:textId="77777777" w:rsidR="00D26494" w:rsidRPr="00D26494" w:rsidRDefault="00D26494" w:rsidP="00D26494">
            <w:pPr>
              <w:rPr>
                <w:rFonts w:eastAsia="Times New Roman"/>
                <w:sz w:val="22"/>
                <w:szCs w:val="22"/>
              </w:rPr>
            </w:pPr>
            <w:r w:rsidRPr="00D26494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6EE3DDAB" w14:textId="77777777" w:rsidR="00D26494" w:rsidRPr="00D26494" w:rsidRDefault="00D26494" w:rsidP="00D26494">
            <w:pPr>
              <w:rPr>
                <w:rFonts w:eastAsia="Times New Roman"/>
                <w:sz w:val="22"/>
                <w:szCs w:val="22"/>
              </w:rPr>
            </w:pPr>
            <w:r w:rsidRPr="00D26494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36BBD7A4" w14:textId="77777777" w:rsidR="00D26494" w:rsidRPr="00D26494" w:rsidRDefault="00D26494" w:rsidP="00D26494">
            <w:pPr>
              <w:rPr>
                <w:rFonts w:eastAsia="Times New Roman"/>
                <w:sz w:val="22"/>
                <w:szCs w:val="22"/>
              </w:rPr>
            </w:pPr>
            <w:r w:rsidRPr="00D26494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5F4C856B" w14:textId="77777777" w:rsidR="00D26494" w:rsidRPr="00D26494" w:rsidRDefault="00D26494" w:rsidP="00D26494">
            <w:pPr>
              <w:rPr>
                <w:rFonts w:eastAsia="Times New Roman"/>
                <w:sz w:val="22"/>
                <w:szCs w:val="22"/>
              </w:rPr>
            </w:pPr>
            <w:r w:rsidRPr="00D26494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15A747B8" w14:textId="77777777" w:rsidR="00D26494" w:rsidRPr="00D26494" w:rsidRDefault="00D26494" w:rsidP="00D26494">
            <w:pPr>
              <w:rPr>
                <w:rFonts w:eastAsia="Times New Roman"/>
                <w:sz w:val="22"/>
                <w:szCs w:val="22"/>
              </w:rPr>
            </w:pPr>
            <w:r w:rsidRPr="00D26494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4D771C42" w14:textId="77777777" w:rsidR="00D26494" w:rsidRPr="00D26494" w:rsidRDefault="00D26494" w:rsidP="00D26494">
            <w:pPr>
              <w:rPr>
                <w:rFonts w:eastAsia="Times New Roman"/>
                <w:sz w:val="22"/>
                <w:szCs w:val="22"/>
              </w:rPr>
            </w:pPr>
            <w:r w:rsidRPr="00D26494">
              <w:rPr>
                <w:rFonts w:eastAsia="Times New Roman"/>
                <w:sz w:val="22"/>
                <w:szCs w:val="22"/>
              </w:rPr>
              <w:t> </w:t>
            </w:r>
          </w:p>
        </w:tc>
      </w:tr>
    </w:tbl>
    <w:p w14:paraId="1752DE2F" w14:textId="77777777" w:rsidR="007E2E82" w:rsidRDefault="007E2E82">
      <w:r>
        <w:br w:type="page"/>
      </w:r>
    </w:p>
    <w:tbl>
      <w:tblPr>
        <w:tblW w:w="14360" w:type="dxa"/>
        <w:tblInd w:w="5" w:type="dxa"/>
        <w:tblLook w:val="04A0" w:firstRow="1" w:lastRow="0" w:firstColumn="1" w:lastColumn="0" w:noHBand="0" w:noVBand="1"/>
      </w:tblPr>
      <w:tblGrid>
        <w:gridCol w:w="2680"/>
        <w:gridCol w:w="1460"/>
        <w:gridCol w:w="1460"/>
        <w:gridCol w:w="1460"/>
        <w:gridCol w:w="1460"/>
        <w:gridCol w:w="1460"/>
        <w:gridCol w:w="1460"/>
        <w:gridCol w:w="1460"/>
        <w:gridCol w:w="1460"/>
      </w:tblGrid>
      <w:tr w:rsidR="007E2E82" w:rsidRPr="00D26494" w14:paraId="2A96A897" w14:textId="77777777" w:rsidTr="007E2E82">
        <w:trPr>
          <w:trHeight w:val="300"/>
        </w:trPr>
        <w:tc>
          <w:tcPr>
            <w:tcW w:w="26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</w:tcPr>
          <w:p w14:paraId="339DAA12" w14:textId="14804139" w:rsidR="007E2E82" w:rsidRDefault="007E2E82" w:rsidP="00D26494">
            <w:pPr>
              <w:rPr>
                <w:rFonts w:eastAsia="Times New Roman"/>
                <w:sz w:val="22"/>
                <w:szCs w:val="22"/>
              </w:rPr>
            </w:pPr>
          </w:p>
          <w:p w14:paraId="74D89745" w14:textId="3259A1B7" w:rsidR="007E2E82" w:rsidRPr="00D26494" w:rsidRDefault="007E2E82" w:rsidP="00D26494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</w:tcPr>
          <w:p w14:paraId="34302F46" w14:textId="77777777" w:rsidR="007E2E82" w:rsidRPr="00D26494" w:rsidRDefault="007E2E82" w:rsidP="00D26494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</w:tcPr>
          <w:p w14:paraId="379257FD" w14:textId="77777777" w:rsidR="007E2E82" w:rsidRPr="00D26494" w:rsidRDefault="007E2E82" w:rsidP="00D26494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</w:tcPr>
          <w:p w14:paraId="04464A4C" w14:textId="77777777" w:rsidR="007E2E82" w:rsidRPr="00D26494" w:rsidRDefault="007E2E82" w:rsidP="00D26494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</w:tcPr>
          <w:p w14:paraId="179D00BB" w14:textId="77777777" w:rsidR="007E2E82" w:rsidRPr="00D26494" w:rsidRDefault="007E2E82" w:rsidP="00D26494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</w:tcPr>
          <w:p w14:paraId="7D31C578" w14:textId="77777777" w:rsidR="007E2E82" w:rsidRPr="00D26494" w:rsidRDefault="007E2E82" w:rsidP="00D26494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</w:tcPr>
          <w:p w14:paraId="79718DFE" w14:textId="77777777" w:rsidR="007E2E82" w:rsidRPr="00D26494" w:rsidRDefault="007E2E82" w:rsidP="00D26494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</w:tcPr>
          <w:p w14:paraId="14613DCA" w14:textId="77777777" w:rsidR="007E2E82" w:rsidRPr="00D26494" w:rsidRDefault="007E2E82" w:rsidP="00D26494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</w:tcPr>
          <w:p w14:paraId="718C333D" w14:textId="77777777" w:rsidR="007E2E82" w:rsidRPr="00D26494" w:rsidRDefault="007E2E82" w:rsidP="00D26494">
            <w:pPr>
              <w:rPr>
                <w:rFonts w:eastAsia="Times New Roman"/>
                <w:sz w:val="22"/>
                <w:szCs w:val="22"/>
              </w:rPr>
            </w:pPr>
          </w:p>
        </w:tc>
      </w:tr>
      <w:tr w:rsidR="00D26494" w:rsidRPr="00D26494" w14:paraId="16EAAD7B" w14:textId="77777777" w:rsidTr="007E2E82">
        <w:trPr>
          <w:trHeight w:val="300"/>
        </w:trPr>
        <w:tc>
          <w:tcPr>
            <w:tcW w:w="2680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A71144A" w14:textId="77777777" w:rsidR="00D26494" w:rsidRPr="00D26494" w:rsidRDefault="00D26494" w:rsidP="00D26494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D26494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920" w:type="dxa"/>
            <w:gridSpan w:val="2"/>
            <w:tcBorders>
              <w:top w:val="single" w:sz="4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5F245FE1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5</w:t>
            </w:r>
          </w:p>
        </w:tc>
        <w:tc>
          <w:tcPr>
            <w:tcW w:w="2920" w:type="dxa"/>
            <w:gridSpan w:val="2"/>
            <w:tcBorders>
              <w:top w:val="single" w:sz="4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117F2477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6</w:t>
            </w:r>
          </w:p>
        </w:tc>
        <w:tc>
          <w:tcPr>
            <w:tcW w:w="2920" w:type="dxa"/>
            <w:gridSpan w:val="2"/>
            <w:tcBorders>
              <w:top w:val="single" w:sz="4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55A6A805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7</w:t>
            </w:r>
          </w:p>
        </w:tc>
        <w:tc>
          <w:tcPr>
            <w:tcW w:w="2920" w:type="dxa"/>
            <w:gridSpan w:val="2"/>
            <w:tcBorders>
              <w:top w:val="single" w:sz="4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7588A9E5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8</w:t>
            </w:r>
          </w:p>
        </w:tc>
      </w:tr>
      <w:tr w:rsidR="00D26494" w:rsidRPr="00D26494" w14:paraId="54239988" w14:textId="77777777" w:rsidTr="007E2E82">
        <w:trPr>
          <w:trHeight w:val="300"/>
        </w:trPr>
        <w:tc>
          <w:tcPr>
            <w:tcW w:w="268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440E01C1" w14:textId="77777777" w:rsidR="00D26494" w:rsidRPr="00D26494" w:rsidRDefault="00D26494" w:rsidP="00D26494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8661A2F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0076B72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7B1BD3F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8B5E2A4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4C495BB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4B0ECD8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27AE001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EF04F6B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</w:tr>
      <w:tr w:rsidR="00D26494" w:rsidRPr="00D26494" w14:paraId="73A22FCC" w14:textId="77777777" w:rsidTr="007E2E82">
        <w:trPr>
          <w:trHeight w:val="300"/>
        </w:trPr>
        <w:tc>
          <w:tcPr>
            <w:tcW w:w="268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74C5D231" w14:textId="77777777" w:rsidR="00D26494" w:rsidRPr="00D26494" w:rsidRDefault="00D26494" w:rsidP="00D26494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41D8F32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3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D0B527F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5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668AA1B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1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8528ABA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3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1A0CEE6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6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12E126A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7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F854393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6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67E3ACA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6</w:t>
            </w:r>
          </w:p>
        </w:tc>
      </w:tr>
      <w:tr w:rsidR="00D26494" w:rsidRPr="00D26494" w14:paraId="6747E0E5" w14:textId="77777777" w:rsidTr="007E2E82">
        <w:trPr>
          <w:trHeight w:val="6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0108BD6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Olaparib/placebo given to the patient - N (%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05D16BC9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3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E20A5BB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5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582DB1D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1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81CBBC2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3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15BBB40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6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72B3B73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7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0948345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6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C7CB566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6 (100.0)</w:t>
            </w:r>
          </w:p>
        </w:tc>
      </w:tr>
      <w:tr w:rsidR="00D26494" w:rsidRPr="00D26494" w14:paraId="417983CA" w14:textId="77777777" w:rsidTr="007E2E82">
        <w:trPr>
          <w:trHeight w:val="9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B8B9F09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Dose of Olaparib/placebo administered (mg) - n, median (IQR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661010C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3, 12600.0 (126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2720EF7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5, 12600.0 (123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CB4D8E5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1, 12600.0 (126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0F1A7C1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3, 12600.0 (126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1BD536E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6, 12450.0 (123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7368544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7, 12600.0 (126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1A372FF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6, 12600.0 (42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67F6CB0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6, 12600.0 (12300.0-12600.0)</w:t>
            </w:r>
          </w:p>
        </w:tc>
      </w:tr>
      <w:tr w:rsidR="00D26494" w:rsidRPr="00D26494" w14:paraId="4230ECA6" w14:textId="77777777" w:rsidTr="007E2E82">
        <w:trPr>
          <w:trHeight w:val="6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DC1ACC7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Dose reduction of Olaparib/placebo - N (%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A0E4AAD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 (7.7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1539667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 (13.3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0EBDD92B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44101BE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 (15.4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CEC958F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B32905A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 (14.3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DD89AD8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9B93B9E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 (16.7)</w:t>
            </w:r>
          </w:p>
        </w:tc>
      </w:tr>
      <w:tr w:rsidR="00D26494" w:rsidRPr="00D26494" w14:paraId="31FFB012" w14:textId="77777777" w:rsidTr="007E2E82">
        <w:trPr>
          <w:trHeight w:val="6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9F36462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Dose delay of Olaparib/placebo - N (%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95EF9C4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 (15.4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BA098D7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3 (2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B143245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0D94374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4 (30.8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9FD906E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F9ABD41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E5B32AB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BB38B9B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 (16.7)</w:t>
            </w:r>
          </w:p>
        </w:tc>
      </w:tr>
      <w:tr w:rsidR="00D26494" w:rsidRPr="00D26494" w14:paraId="4FC8498B" w14:textId="77777777" w:rsidTr="007E2E82">
        <w:trPr>
          <w:trHeight w:val="6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91278A2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Withdrawal from trial treatment - N (%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4AAAD61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 (15.4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2CA2380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 (13.3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FC0C75B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5 (45.5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1ACD097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6 (46.2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DCB0539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09449C8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 (14.3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3DF2A9D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3 (5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372A247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5 (83.3)</w:t>
            </w:r>
          </w:p>
        </w:tc>
      </w:tr>
    </w:tbl>
    <w:p w14:paraId="7F30F6FD" w14:textId="77777777" w:rsidR="007E2E82" w:rsidRDefault="007E2E82">
      <w:r>
        <w:br w:type="page"/>
      </w:r>
    </w:p>
    <w:tbl>
      <w:tblPr>
        <w:tblW w:w="14360" w:type="dxa"/>
        <w:tblInd w:w="5" w:type="dxa"/>
        <w:tblLook w:val="04A0" w:firstRow="1" w:lastRow="0" w:firstColumn="1" w:lastColumn="0" w:noHBand="0" w:noVBand="1"/>
      </w:tblPr>
      <w:tblGrid>
        <w:gridCol w:w="2680"/>
        <w:gridCol w:w="1460"/>
        <w:gridCol w:w="1460"/>
        <w:gridCol w:w="1460"/>
        <w:gridCol w:w="1460"/>
        <w:gridCol w:w="1460"/>
        <w:gridCol w:w="1460"/>
        <w:gridCol w:w="1460"/>
        <w:gridCol w:w="1460"/>
      </w:tblGrid>
      <w:tr w:rsidR="005F7A87" w:rsidRPr="00D26494" w14:paraId="374727A6" w14:textId="77777777" w:rsidTr="007E2E82">
        <w:trPr>
          <w:trHeight w:val="300"/>
        </w:trPr>
        <w:tc>
          <w:tcPr>
            <w:tcW w:w="26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51BA4BD6" w14:textId="7AA0A042" w:rsidR="00D26494" w:rsidRPr="00D26494" w:rsidRDefault="00D26494" w:rsidP="00D26494">
            <w:pPr>
              <w:rPr>
                <w:rFonts w:eastAsia="Times New Roman"/>
                <w:sz w:val="22"/>
                <w:szCs w:val="22"/>
              </w:rPr>
            </w:pPr>
            <w:r w:rsidRPr="00D26494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72FC319F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50089BA5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7547DE95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6132EB92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79841A2D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5BED1DE4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32A0A33F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2BAAAEAD" w14:textId="795630F2" w:rsidR="007E2E82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  <w:p w14:paraId="57A3858C" w14:textId="26B5E8A4" w:rsidR="007E2E82" w:rsidRPr="00D26494" w:rsidRDefault="007E2E82" w:rsidP="00D26494">
            <w:pPr>
              <w:rPr>
                <w:rFonts w:eastAsia="Times New Roman"/>
                <w:sz w:val="18"/>
                <w:szCs w:val="18"/>
              </w:rPr>
            </w:pPr>
          </w:p>
        </w:tc>
      </w:tr>
      <w:tr w:rsidR="00D26494" w:rsidRPr="00D26494" w14:paraId="1A81AABF" w14:textId="77777777" w:rsidTr="007E2E82">
        <w:trPr>
          <w:trHeight w:val="300"/>
        </w:trPr>
        <w:tc>
          <w:tcPr>
            <w:tcW w:w="2680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FC8D256" w14:textId="77777777" w:rsidR="00D26494" w:rsidRPr="00D26494" w:rsidRDefault="00D26494" w:rsidP="00D26494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D26494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920" w:type="dxa"/>
            <w:gridSpan w:val="2"/>
            <w:tcBorders>
              <w:top w:val="single" w:sz="4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163A0E94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9</w:t>
            </w:r>
          </w:p>
        </w:tc>
        <w:tc>
          <w:tcPr>
            <w:tcW w:w="2920" w:type="dxa"/>
            <w:gridSpan w:val="2"/>
            <w:tcBorders>
              <w:top w:val="single" w:sz="4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4C4DF55E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0</w:t>
            </w:r>
          </w:p>
        </w:tc>
        <w:tc>
          <w:tcPr>
            <w:tcW w:w="2920" w:type="dxa"/>
            <w:gridSpan w:val="2"/>
            <w:tcBorders>
              <w:top w:val="single" w:sz="4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65CAFA6D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1</w:t>
            </w:r>
          </w:p>
        </w:tc>
        <w:tc>
          <w:tcPr>
            <w:tcW w:w="2920" w:type="dxa"/>
            <w:gridSpan w:val="2"/>
            <w:tcBorders>
              <w:top w:val="single" w:sz="4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36F61B4A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2</w:t>
            </w:r>
          </w:p>
        </w:tc>
      </w:tr>
      <w:tr w:rsidR="00D26494" w:rsidRPr="00D26494" w14:paraId="5FAD7BF1" w14:textId="77777777" w:rsidTr="007E2E82">
        <w:trPr>
          <w:trHeight w:val="300"/>
        </w:trPr>
        <w:tc>
          <w:tcPr>
            <w:tcW w:w="268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7B801216" w14:textId="77777777" w:rsidR="00D26494" w:rsidRPr="00D26494" w:rsidRDefault="00D26494" w:rsidP="00D26494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B42D8BD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E81C983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41C945C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7746B3C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842A029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F0703AE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B2532A8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D152807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</w:tr>
      <w:tr w:rsidR="00D26494" w:rsidRPr="00D26494" w14:paraId="0A0A8526" w14:textId="77777777" w:rsidTr="007E2E82">
        <w:trPr>
          <w:trHeight w:val="300"/>
        </w:trPr>
        <w:tc>
          <w:tcPr>
            <w:tcW w:w="268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1D78BFDE" w14:textId="77777777" w:rsidR="00D26494" w:rsidRPr="00D26494" w:rsidRDefault="00D26494" w:rsidP="00D26494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C657008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3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A87A838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14D207E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6E46BCB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4084BC5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D4FBC87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7005976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374FC94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</w:tr>
      <w:tr w:rsidR="00D26494" w:rsidRPr="00D26494" w14:paraId="686D9BF7" w14:textId="77777777" w:rsidTr="007E2E82">
        <w:trPr>
          <w:trHeight w:val="6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0A2ABF1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Olaparib/placebo given to the patient - N (%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0BAB0BAE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3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BEBBE7E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DF7CF06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6CDFE90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7AB8493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A09BFF5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31621EC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32047C1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D26494" w:rsidRPr="00D26494" w14:paraId="2C9C36FA" w14:textId="77777777" w:rsidTr="007E2E82">
        <w:trPr>
          <w:trHeight w:val="9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0053F4D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Dose of Olaparib/placebo administered (mg) - n, median (IQR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45A4E60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3, 12600.0 (1245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77DBE2C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, 12600.0 (126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DF57D38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, 12600.0 (126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DD1A204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, 12600.0 (126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E4130AC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, 12600.0 (126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5F4F952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020D9988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2, 12600.0 (126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EC7A89B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D26494" w:rsidRPr="00D26494" w14:paraId="135C16A6" w14:textId="77777777" w:rsidTr="007E2E82">
        <w:trPr>
          <w:trHeight w:val="6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FF5D82D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Dose reduction of Olaparib/placebo - N (%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57341DE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1B29D85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C51AFD0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4D296C2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DEE52F0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AF09F72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C21C595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6A5D7FF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D26494" w:rsidRPr="00D26494" w14:paraId="3F63462B" w14:textId="77777777" w:rsidTr="007E2E82">
        <w:trPr>
          <w:trHeight w:val="6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EDD9CF2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Dose delay of Olaparib/placebo - N (%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6DAC40F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1A04C9D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DA802B7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17D24F5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8FFBC39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5E49BCB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E39805B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EFDF316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D26494" w:rsidRPr="00D26494" w14:paraId="0F3BA406" w14:textId="77777777" w:rsidTr="007E2E82">
        <w:trPr>
          <w:trHeight w:val="6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E87BBC8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Withdrawal from trial treatment - N (%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83BD188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 (33.3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9E21B22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0237C132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FFB4679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5CB6959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795608F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8A63700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 (5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B98C7F3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</w:tr>
    </w:tbl>
    <w:p w14:paraId="53E0C2BA" w14:textId="77777777" w:rsidR="007E2E82" w:rsidRDefault="007E2E82">
      <w:r>
        <w:br w:type="page"/>
      </w:r>
    </w:p>
    <w:tbl>
      <w:tblPr>
        <w:tblW w:w="14360" w:type="dxa"/>
        <w:tblInd w:w="5" w:type="dxa"/>
        <w:tblLook w:val="04A0" w:firstRow="1" w:lastRow="0" w:firstColumn="1" w:lastColumn="0" w:noHBand="0" w:noVBand="1"/>
      </w:tblPr>
      <w:tblGrid>
        <w:gridCol w:w="2680"/>
        <w:gridCol w:w="1460"/>
        <w:gridCol w:w="1460"/>
        <w:gridCol w:w="1460"/>
        <w:gridCol w:w="1460"/>
        <w:gridCol w:w="1460"/>
        <w:gridCol w:w="1460"/>
        <w:gridCol w:w="1460"/>
        <w:gridCol w:w="1460"/>
      </w:tblGrid>
      <w:tr w:rsidR="005F7A87" w:rsidRPr="00D26494" w14:paraId="4783CEDB" w14:textId="77777777" w:rsidTr="007E2E82">
        <w:trPr>
          <w:trHeight w:val="300"/>
        </w:trPr>
        <w:tc>
          <w:tcPr>
            <w:tcW w:w="26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7E103F7C" w14:textId="4DFBE72F" w:rsidR="00D26494" w:rsidRPr="00D26494" w:rsidRDefault="00D26494" w:rsidP="00D26494">
            <w:pPr>
              <w:rPr>
                <w:rFonts w:eastAsia="Times New Roman"/>
                <w:sz w:val="22"/>
                <w:szCs w:val="22"/>
              </w:rPr>
            </w:pPr>
            <w:r w:rsidRPr="00D26494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506078EC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200BDFC3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0293F025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007066AE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731FCD45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2612B969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375FC6CA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7059FE75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D26494" w:rsidRPr="00D26494" w14:paraId="1E3E0B24" w14:textId="77777777" w:rsidTr="007E2E82">
        <w:trPr>
          <w:trHeight w:val="300"/>
        </w:trPr>
        <w:tc>
          <w:tcPr>
            <w:tcW w:w="2680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6A3873E" w14:textId="77777777" w:rsidR="00D26494" w:rsidRPr="00D26494" w:rsidRDefault="00D26494" w:rsidP="00D26494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D26494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920" w:type="dxa"/>
            <w:gridSpan w:val="2"/>
            <w:tcBorders>
              <w:top w:val="single" w:sz="4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6A882DA3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Cycle 13</w:t>
            </w:r>
          </w:p>
        </w:tc>
        <w:tc>
          <w:tcPr>
            <w:tcW w:w="2920" w:type="dxa"/>
            <w:gridSpan w:val="2"/>
            <w:tcBorders>
              <w:top w:val="single" w:sz="4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054BB76F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Cycle 14</w:t>
            </w:r>
          </w:p>
        </w:tc>
        <w:tc>
          <w:tcPr>
            <w:tcW w:w="2920" w:type="dxa"/>
            <w:gridSpan w:val="2"/>
            <w:tcBorders>
              <w:top w:val="single" w:sz="4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44C8E268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Cycle 15</w:t>
            </w:r>
          </w:p>
        </w:tc>
        <w:tc>
          <w:tcPr>
            <w:tcW w:w="2920" w:type="dxa"/>
            <w:gridSpan w:val="2"/>
            <w:tcBorders>
              <w:top w:val="single" w:sz="4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69A29BC0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Cycle 16</w:t>
            </w:r>
          </w:p>
        </w:tc>
      </w:tr>
      <w:tr w:rsidR="00D26494" w:rsidRPr="00D26494" w14:paraId="7F96F31B" w14:textId="77777777" w:rsidTr="007E2E82">
        <w:trPr>
          <w:trHeight w:val="300"/>
        </w:trPr>
        <w:tc>
          <w:tcPr>
            <w:tcW w:w="268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4D3E1741" w14:textId="77777777" w:rsidR="00D26494" w:rsidRPr="00D26494" w:rsidRDefault="00D26494" w:rsidP="00D26494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20EF4C6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2D139CD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FA36090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9BC4E27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80EFFD6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279B47F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20E3A5D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6E1CD89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</w:tr>
      <w:tr w:rsidR="00D26494" w:rsidRPr="00D26494" w14:paraId="61E4EFE7" w14:textId="77777777" w:rsidTr="007E2E82">
        <w:trPr>
          <w:trHeight w:val="300"/>
        </w:trPr>
        <w:tc>
          <w:tcPr>
            <w:tcW w:w="268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5CF95A0D" w14:textId="77777777" w:rsidR="00D26494" w:rsidRPr="00D26494" w:rsidRDefault="00D26494" w:rsidP="00D26494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5009FAE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3FAB2D2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3AB0F9D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482AE08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45B6B5B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232650A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25B0872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95FF91F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</w:tr>
      <w:tr w:rsidR="00D26494" w:rsidRPr="00D26494" w14:paraId="49749F28" w14:textId="77777777" w:rsidTr="007E2E82">
        <w:trPr>
          <w:trHeight w:val="9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6D4625C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Dose of Olaparib/placebo administered (mg) - n, median (IQR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CCE3D69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F16C4C1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786F143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EE26650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E7BF622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49E65D8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BB5F419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E623ABF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D26494" w:rsidRPr="00D26494" w14:paraId="1D3EBBD0" w14:textId="77777777" w:rsidTr="007E2E82">
        <w:trPr>
          <w:trHeight w:val="735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A0A9F6B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Dose reduction of Olaparib/placebo - N (%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4929634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, 12600.0 (126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6990390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72A6767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, 12600.0 (126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0CDCE2F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26BACE7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, 12600.0 (126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7D4ECDD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E8FB70B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, 12600.0 (126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A6E1C40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D26494" w:rsidRPr="00D26494" w14:paraId="3AE5D4E2" w14:textId="77777777" w:rsidTr="007E2E82">
        <w:trPr>
          <w:trHeight w:val="6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AB7D802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Dose delay of Olaparib/placebo - N (%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9E6761B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94DB82F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59FBCC4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C196EEF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6C1CED1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4281BD8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1C0E0F3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F827596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D26494" w:rsidRPr="00D26494" w14:paraId="75C96058" w14:textId="77777777" w:rsidTr="007E2E82">
        <w:trPr>
          <w:trHeight w:val="6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E24B054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Withdrawal from trial treatment - N (%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008D5246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899ED0B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4279FE1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F2D5ABA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9FE38D5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8D7241D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091331E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D62E3C9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D26494" w:rsidRPr="00D26494" w14:paraId="75EACD77" w14:textId="77777777" w:rsidTr="007E2E82">
        <w:trPr>
          <w:trHeight w:val="3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982175D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EC72D51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A2250CB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18269D0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3224A3F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5872C20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DB4AE46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78EADCA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7ADE9B0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</w:tr>
    </w:tbl>
    <w:p w14:paraId="0C04C0D9" w14:textId="77777777" w:rsidR="007E2E82" w:rsidRDefault="007E2E82">
      <w:r>
        <w:br w:type="page"/>
      </w:r>
    </w:p>
    <w:tbl>
      <w:tblPr>
        <w:tblW w:w="14360" w:type="dxa"/>
        <w:tblInd w:w="5" w:type="dxa"/>
        <w:tblLook w:val="04A0" w:firstRow="1" w:lastRow="0" w:firstColumn="1" w:lastColumn="0" w:noHBand="0" w:noVBand="1"/>
      </w:tblPr>
      <w:tblGrid>
        <w:gridCol w:w="2680"/>
        <w:gridCol w:w="1460"/>
        <w:gridCol w:w="1460"/>
        <w:gridCol w:w="1460"/>
        <w:gridCol w:w="1460"/>
        <w:gridCol w:w="1460"/>
        <w:gridCol w:w="1460"/>
        <w:gridCol w:w="1460"/>
        <w:gridCol w:w="1460"/>
      </w:tblGrid>
      <w:tr w:rsidR="005F7A87" w:rsidRPr="00D26494" w14:paraId="6B9F24D6" w14:textId="77777777" w:rsidTr="007E2E82">
        <w:trPr>
          <w:trHeight w:val="300"/>
        </w:trPr>
        <w:tc>
          <w:tcPr>
            <w:tcW w:w="26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4BD947D7" w14:textId="709B2C70" w:rsidR="00D26494" w:rsidRPr="00D26494" w:rsidRDefault="00D26494" w:rsidP="00D26494">
            <w:pPr>
              <w:rPr>
                <w:rFonts w:eastAsia="Times New Roman"/>
                <w:sz w:val="22"/>
                <w:szCs w:val="22"/>
              </w:rPr>
            </w:pPr>
            <w:r w:rsidRPr="00D26494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69A5D573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19FA8E85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3C3A53D1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24AE480D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4D0EED5E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50B51666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4E292C6F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1C9A6EF3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D26494" w:rsidRPr="00D26494" w14:paraId="1DE62888" w14:textId="77777777" w:rsidTr="007E2E82">
        <w:trPr>
          <w:trHeight w:val="300"/>
        </w:trPr>
        <w:tc>
          <w:tcPr>
            <w:tcW w:w="2680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355074C" w14:textId="77777777" w:rsidR="00D26494" w:rsidRPr="00D26494" w:rsidRDefault="00D26494" w:rsidP="00D26494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D26494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920" w:type="dxa"/>
            <w:gridSpan w:val="2"/>
            <w:tcBorders>
              <w:top w:val="single" w:sz="4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0005DBA2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Cycle 17</w:t>
            </w:r>
          </w:p>
        </w:tc>
        <w:tc>
          <w:tcPr>
            <w:tcW w:w="2920" w:type="dxa"/>
            <w:gridSpan w:val="2"/>
            <w:tcBorders>
              <w:top w:val="single" w:sz="4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7BC79457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Cycle 18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3292BA2E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41FD3F9E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2B7E6020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2A3A694B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D26494" w:rsidRPr="00D26494" w14:paraId="19E402F7" w14:textId="77777777" w:rsidTr="007E2E82">
        <w:trPr>
          <w:trHeight w:val="300"/>
        </w:trPr>
        <w:tc>
          <w:tcPr>
            <w:tcW w:w="268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21ADAB6C" w14:textId="77777777" w:rsidR="00D26494" w:rsidRPr="00D26494" w:rsidRDefault="00D26494" w:rsidP="00D26494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E9602B0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BF1D31B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73CA35B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C5386F1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6B6C9DD2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40EF6C10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3C117582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04D5D1F3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D26494" w:rsidRPr="00D26494" w14:paraId="5E1CBE5B" w14:textId="77777777" w:rsidTr="007E2E82">
        <w:trPr>
          <w:trHeight w:val="300"/>
        </w:trPr>
        <w:tc>
          <w:tcPr>
            <w:tcW w:w="268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5B526D3C" w14:textId="77777777" w:rsidR="00D26494" w:rsidRPr="00D26494" w:rsidRDefault="00D26494" w:rsidP="00D26494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043576C9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21AA449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31D3EE4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4027769" w14:textId="77777777" w:rsidR="00D26494" w:rsidRPr="00D26494" w:rsidRDefault="00D26494" w:rsidP="00D2649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5DABD507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24185E3D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55E404D4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279A1B79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D26494" w:rsidRPr="00D26494" w14:paraId="1CC6657E" w14:textId="77777777" w:rsidTr="007E2E82">
        <w:trPr>
          <w:trHeight w:val="6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FBF9B41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Olaparib/placebo given to the patient - N (%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4B3B932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DD48FED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EA24BFE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34A2165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5DEFFC87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5AB7A2E7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51F16C48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35D3E35E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D26494" w:rsidRPr="00D26494" w14:paraId="59EE2D15" w14:textId="77777777" w:rsidTr="007E2E82">
        <w:trPr>
          <w:trHeight w:val="9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2304C2C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Dose of Olaparib/placebo administered (mg) - n, median (IQR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1E6ECB5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, 12600.0 (126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313A27D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034D71E0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1, 12600.0 (12600.0-1260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D165765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6D23A04C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0AC975F4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6DBECC4F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4BB0D528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D26494" w:rsidRPr="00D26494" w14:paraId="3C50FACB" w14:textId="77777777" w:rsidTr="007E2E82">
        <w:trPr>
          <w:trHeight w:val="6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1445865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Dose reduction of Olaparib/placebo - N (%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5FFE565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5103133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93C65BD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D17F94C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2BC3B932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0EA46BD0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54C8CA53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3606C219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D26494" w:rsidRPr="00D26494" w14:paraId="33B06DDC" w14:textId="77777777" w:rsidTr="007E2E82">
        <w:trPr>
          <w:trHeight w:val="6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9B2230E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Dose delay of Olaparib/placebo - N (%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1F77361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D1218EB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A52D08E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617A19D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039FEF90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29B60D9A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48349FD1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25E3EAB8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D26494" w:rsidRPr="00D26494" w14:paraId="6E3EFDAE" w14:textId="77777777" w:rsidTr="007E2E82">
        <w:trPr>
          <w:trHeight w:val="600"/>
        </w:trPr>
        <w:tc>
          <w:tcPr>
            <w:tcW w:w="2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27362AC" w14:textId="77777777" w:rsidR="00D26494" w:rsidRPr="00D26494" w:rsidRDefault="00D26494" w:rsidP="00D2649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D2649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Withdrawal from trial treatment - N (%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F9D1A7A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90DAAC9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C5DD396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68AF0FD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2B4C0F66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1FF78EB4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772A5047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2D56992C" w14:textId="77777777" w:rsidR="00D26494" w:rsidRPr="00D26494" w:rsidRDefault="00D26494" w:rsidP="00D26494">
            <w:pPr>
              <w:rPr>
                <w:rFonts w:eastAsia="Times New Roman"/>
                <w:sz w:val="18"/>
                <w:szCs w:val="18"/>
              </w:rPr>
            </w:pPr>
            <w:r w:rsidRPr="00D26494">
              <w:rPr>
                <w:rFonts w:eastAsia="Times New Roman"/>
                <w:sz w:val="18"/>
                <w:szCs w:val="18"/>
              </w:rPr>
              <w:t> </w:t>
            </w:r>
          </w:p>
        </w:tc>
      </w:tr>
    </w:tbl>
    <w:p w14:paraId="0247F814" w14:textId="74AB6D01" w:rsidR="00B948D4" w:rsidRDefault="00B948D4"/>
    <w:p w14:paraId="432A1664" w14:textId="4891F6C1" w:rsidR="004B46D8" w:rsidRDefault="004B46D8">
      <w:r>
        <w:t>Relative dose intensity (</w:t>
      </w:r>
      <w:r w:rsidR="004B6C44">
        <w:t>%</w:t>
      </w:r>
      <w:r>
        <w:t>) (</w:t>
      </w:r>
      <w:proofErr w:type="spellStart"/>
      <w:proofErr w:type="gramStart"/>
      <w:r>
        <w:t>median;IQR</w:t>
      </w:r>
      <w:proofErr w:type="spellEnd"/>
      <w:proofErr w:type="gramEnd"/>
      <w:r>
        <w:t xml:space="preserve">) in the </w:t>
      </w:r>
      <w:proofErr w:type="spellStart"/>
      <w:r>
        <w:t>Olaparib</w:t>
      </w:r>
      <w:proofErr w:type="spellEnd"/>
      <w:r>
        <w:t xml:space="preserve"> arm is</w:t>
      </w:r>
      <w:r w:rsidR="004B6C44">
        <w:t xml:space="preserve"> </w:t>
      </w:r>
      <w:r w:rsidR="003A0967">
        <w:t xml:space="preserve">86.4 </w:t>
      </w:r>
      <w:r w:rsidR="004B6C44">
        <w:t>(</w:t>
      </w:r>
      <w:r w:rsidR="003A0967">
        <w:t>64.3</w:t>
      </w:r>
      <w:r w:rsidR="004B6C44">
        <w:t>-</w:t>
      </w:r>
      <w:r w:rsidR="003A0967">
        <w:t>95.7</w:t>
      </w:r>
      <w:r w:rsidR="004B6C44">
        <w:t>)</w:t>
      </w:r>
      <w:r>
        <w:t xml:space="preserve"> and in the Placebo arm is </w:t>
      </w:r>
      <w:r w:rsidR="003A0967">
        <w:t xml:space="preserve">93.3 </w:t>
      </w:r>
      <w:r w:rsidR="004B6C44">
        <w:t>(</w:t>
      </w:r>
      <w:r w:rsidR="007E2E82">
        <w:t>80.2</w:t>
      </w:r>
      <w:r w:rsidR="004B6C44">
        <w:t>-</w:t>
      </w:r>
      <w:r w:rsidR="003A0967">
        <w:t>97.6</w:t>
      </w:r>
      <w:r w:rsidR="004B6C44">
        <w:t>).</w:t>
      </w:r>
      <w:r w:rsidR="00462450">
        <w:t xml:space="preserve"> Relative dose intensity is calculated as defined in the Statistical Analysis Plan as:</w:t>
      </w:r>
    </w:p>
    <w:p w14:paraId="31C8FDCB" w14:textId="77777777" w:rsidR="00462450" w:rsidRDefault="00462450" w:rsidP="00462450">
      <w:pPr>
        <w:pStyle w:val="ListParagraph"/>
        <w:numPr>
          <w:ilvl w:val="1"/>
          <w:numId w:val="8"/>
        </w:numPr>
        <w:spacing w:after="160" w:line="252" w:lineRule="auto"/>
        <w:contextualSpacing/>
        <w:jc w:val="both"/>
      </w:pPr>
      <w:r>
        <w:t xml:space="preserve">PD=Planned protocol dose per </w:t>
      </w:r>
      <w:proofErr w:type="gramStart"/>
      <w:r>
        <w:t>21 day</w:t>
      </w:r>
      <w:proofErr w:type="gramEnd"/>
      <w:r>
        <w:t xml:space="preserve"> Cycle=300x2x21=12600mg</w:t>
      </w:r>
    </w:p>
    <w:p w14:paraId="06BD1005" w14:textId="77777777" w:rsidR="00462450" w:rsidRDefault="00462450" w:rsidP="00462450">
      <w:pPr>
        <w:pStyle w:val="ListParagraph"/>
        <w:numPr>
          <w:ilvl w:val="1"/>
          <w:numId w:val="8"/>
        </w:numPr>
        <w:spacing w:after="160" w:line="252" w:lineRule="auto"/>
        <w:contextualSpacing/>
        <w:jc w:val="both"/>
      </w:pPr>
      <w:r>
        <w:t xml:space="preserve">AD= Actual dose per </w:t>
      </w:r>
      <w:proofErr w:type="gramStart"/>
      <w:r>
        <w:t>21 day</w:t>
      </w:r>
      <w:proofErr w:type="gramEnd"/>
      <w:r>
        <w:t xml:space="preserve"> cycle = (Dose prescribedx2x21) -N tablets missed x150(mg)-N tablets missed x100(mg) – (N days delayed/withdrawn x prescribed dose x 2)</w:t>
      </w:r>
    </w:p>
    <w:p w14:paraId="508FA565" w14:textId="75B70395" w:rsidR="00462450" w:rsidRDefault="00462450" w:rsidP="0088615D">
      <w:r>
        <w:t xml:space="preserve">Relative dose intensity RDI = sum of AD for each cycle received </w:t>
      </w:r>
      <w:proofErr w:type="gramStart"/>
      <w:r>
        <w:t>/(</w:t>
      </w:r>
      <w:proofErr w:type="spellStart"/>
      <w:proofErr w:type="gramEnd"/>
      <w:r>
        <w:t>PDx</w:t>
      </w:r>
      <w:proofErr w:type="spellEnd"/>
      <w:r>
        <w:t>[days until end of trial / 21])</w:t>
      </w:r>
      <w:r w:rsidR="00974E65">
        <w:t>.</w:t>
      </w:r>
    </w:p>
    <w:p w14:paraId="5C811CC8" w14:textId="00574612" w:rsidR="003B0A52" w:rsidRDefault="004B46D8">
      <w:r>
        <w:t>Median duration of treatment (</w:t>
      </w:r>
      <w:r w:rsidR="003A0967">
        <w:t>cycles</w:t>
      </w:r>
      <w:r>
        <w:t xml:space="preserve">) (IQR) in the Olaparib arm is </w:t>
      </w:r>
      <w:r w:rsidR="003A0967">
        <w:t>3.9</w:t>
      </w:r>
      <w:r w:rsidR="004B6C44">
        <w:t xml:space="preserve"> (</w:t>
      </w:r>
      <w:r w:rsidR="003A0967">
        <w:t>2.3-6.3</w:t>
      </w:r>
      <w:r w:rsidR="004B6C44">
        <w:t xml:space="preserve">) </w:t>
      </w:r>
      <w:r>
        <w:t>and in the Placebo arm is</w:t>
      </w:r>
      <w:r w:rsidR="004B6C44">
        <w:t xml:space="preserve"> </w:t>
      </w:r>
      <w:r w:rsidR="003A0967">
        <w:t>4.0</w:t>
      </w:r>
      <w:r w:rsidR="004B6C44">
        <w:t xml:space="preserve"> (</w:t>
      </w:r>
      <w:r w:rsidR="003A0967">
        <w:t>2.0-6.0</w:t>
      </w:r>
      <w:r w:rsidR="004B6C44">
        <w:t>).</w:t>
      </w:r>
      <w:r w:rsidR="003B0A52">
        <w:br w:type="page"/>
      </w:r>
    </w:p>
    <w:p w14:paraId="45A07553" w14:textId="104115E8" w:rsidR="00F363A6" w:rsidRDefault="00F363A6" w:rsidP="00F363A6">
      <w:pPr>
        <w:pStyle w:val="Caption"/>
        <w:keepNext/>
      </w:pPr>
      <w:r>
        <w:t xml:space="preserve">Table </w:t>
      </w:r>
      <w:r>
        <w:fldChar w:fldCharType="begin"/>
      </w:r>
      <w:r>
        <w:instrText xml:space="preserve"> SEQ Table \* ARABIC </w:instrText>
      </w:r>
      <w:r>
        <w:fldChar w:fldCharType="separate"/>
      </w:r>
      <w:r w:rsidR="00970777">
        <w:rPr>
          <w:noProof/>
        </w:rPr>
        <w:t>4</w:t>
      </w:r>
      <w:r>
        <w:fldChar w:fldCharType="end"/>
      </w:r>
      <w:r>
        <w:t>: Physical exam and ECOG status</w:t>
      </w:r>
    </w:p>
    <w:tbl>
      <w:tblPr>
        <w:tblW w:w="13200" w:type="dxa"/>
        <w:tblLook w:val="04A0" w:firstRow="1" w:lastRow="0" w:firstColumn="1" w:lastColumn="0" w:noHBand="0" w:noVBand="1"/>
      </w:tblPr>
      <w:tblGrid>
        <w:gridCol w:w="2800"/>
        <w:gridCol w:w="1300"/>
        <w:gridCol w:w="1300"/>
        <w:gridCol w:w="1300"/>
        <w:gridCol w:w="1300"/>
        <w:gridCol w:w="1300"/>
        <w:gridCol w:w="1300"/>
        <w:gridCol w:w="1300"/>
        <w:gridCol w:w="1300"/>
      </w:tblGrid>
      <w:tr w:rsidR="00632A79" w:rsidRPr="00632A79" w14:paraId="39DBF2ED" w14:textId="77777777" w:rsidTr="00632A79">
        <w:trPr>
          <w:trHeight w:val="300"/>
        </w:trPr>
        <w:tc>
          <w:tcPr>
            <w:tcW w:w="2800" w:type="dxa"/>
            <w:vMerge w:val="restart"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791BFB17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Table </w:t>
            </w:r>
            <w:proofErr w:type="gramStart"/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4 :</w:t>
            </w:r>
            <w:proofErr w:type="gramEnd"/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 Physical examination and ECOG status</w:t>
            </w:r>
          </w:p>
        </w:tc>
        <w:tc>
          <w:tcPr>
            <w:tcW w:w="260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417C8935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</w:t>
            </w:r>
          </w:p>
        </w:tc>
        <w:tc>
          <w:tcPr>
            <w:tcW w:w="260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61A886CD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2</w:t>
            </w:r>
          </w:p>
        </w:tc>
        <w:tc>
          <w:tcPr>
            <w:tcW w:w="260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19484A6E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3</w:t>
            </w:r>
          </w:p>
        </w:tc>
        <w:tc>
          <w:tcPr>
            <w:tcW w:w="260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055C1D47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4</w:t>
            </w:r>
          </w:p>
        </w:tc>
      </w:tr>
      <w:tr w:rsidR="00632A79" w:rsidRPr="00632A79" w14:paraId="6A9D58AA" w14:textId="77777777" w:rsidTr="00632A79">
        <w:trPr>
          <w:trHeight w:val="300"/>
        </w:trPr>
        <w:tc>
          <w:tcPr>
            <w:tcW w:w="2800" w:type="dxa"/>
            <w:vMerge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46034889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70292D4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8C78771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9A3A4E8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5FA5496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F8BE572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4EE0FEC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BE58B7A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024B0BF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</w:tr>
      <w:tr w:rsidR="00632A79" w:rsidRPr="00632A79" w14:paraId="329F0874" w14:textId="77777777" w:rsidTr="00632A79">
        <w:trPr>
          <w:trHeight w:val="300"/>
        </w:trPr>
        <w:tc>
          <w:tcPr>
            <w:tcW w:w="2800" w:type="dxa"/>
            <w:vMerge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315F6453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3989394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31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F625CEB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38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B93A07F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9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9813586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35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CEF4C98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0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35A20D0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5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3A98AE0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7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A419FDF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3</w:t>
            </w:r>
          </w:p>
        </w:tc>
      </w:tr>
      <w:tr w:rsidR="00632A79" w:rsidRPr="00632A79" w14:paraId="4C30A221" w14:textId="77777777" w:rsidTr="00632A79">
        <w:trPr>
          <w:trHeight w:val="495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A1406D6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Systolic BP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0D56F82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1, 139.0 (125.0-15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C7B347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8, 132.5 (127.0-148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D99289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9, 131.0 (121.0-144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7B8691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5, 139.0 (130.0-156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8A3EDE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9, 129.0 (117.0-143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3EB3F7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5, 137.0 (127.0-15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2EF86A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7, 121.0 (111.0-132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A0CE81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1, 141.0 (123.0-152.0)</w:t>
            </w:r>
          </w:p>
        </w:tc>
      </w:tr>
      <w:tr w:rsidR="00632A79" w:rsidRPr="00632A79" w14:paraId="407EB7C0" w14:textId="77777777" w:rsidTr="00632A79">
        <w:trPr>
          <w:trHeight w:val="600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0C8BBC9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Diastolic BP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FD8C1C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1, 75.0 (71.0-87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98F764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8, 79.5 (75.0-87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FB9EFA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9, 73.0 (66.0-77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B2BB80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5, 80.0 (76.0-9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7403C1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8, 71.0 (66.0-74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64EEE4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5, 82.0 (72.0-87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D17765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7, 75.0 (66.0-77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82437D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1, 88.0 (70.0-95.0)</w:t>
            </w:r>
          </w:p>
        </w:tc>
      </w:tr>
      <w:tr w:rsidR="00632A79" w:rsidRPr="00632A79" w14:paraId="7CAB001C" w14:textId="77777777" w:rsidTr="00632A79">
        <w:trPr>
          <w:trHeight w:val="600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85C24A1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Oxygen saturation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1F6133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9, 98.0 (97.0-99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84B55C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7, 97.0 (96.0-98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D26B3B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8, 97.5 (97.0-98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0C9806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1, 97.0 (96.0-98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D507C4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8, 97.0 (96.0-98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3BBE5B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4, 97.0 (96.0-98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A67787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6, 97.0 (97.0-98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E862E4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0, 97.0 (96.0-98.0)</w:t>
            </w:r>
          </w:p>
        </w:tc>
      </w:tr>
      <w:tr w:rsidR="00632A79" w:rsidRPr="00632A79" w14:paraId="7E61F5D6" w14:textId="77777777" w:rsidTr="00632A79">
        <w:trPr>
          <w:trHeight w:val="495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7301E98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ulse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C1280C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1, 82.0 (76.0-88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CE2A6F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8, 88.0 (79.0-95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E2CEBD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9, 81.0 (75.0-89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C6045D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5, 85.0 (78.0-94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464EFF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9, 77.0 (69.0-86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F560DC0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5, 81.0 (76.0-86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35A5BB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7, 81.0 (75.0-83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C7E251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1, 83.0 (76.0-93.0)</w:t>
            </w:r>
          </w:p>
        </w:tc>
      </w:tr>
      <w:tr w:rsidR="00632A79" w:rsidRPr="00632A79" w14:paraId="599E037C" w14:textId="77777777" w:rsidTr="00632A79">
        <w:trPr>
          <w:trHeight w:val="495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F211712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Weight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037EB8A0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1, 78.6 (64.2-83.6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F7D969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7, 75.4 (62.0-93.7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0007B94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9, 78.6 (63.8-83.8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35B09F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4, 77.1 (66.0-95.7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69A45A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9, 79.3 (62.0-84.5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76E5DD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4, 78.4 (66.5-95.4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01238C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6, 70.1 (60.1-88.7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619DF7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2, 78.2 (67.0-102.0)</w:t>
            </w:r>
          </w:p>
        </w:tc>
      </w:tr>
      <w:tr w:rsidR="00632A79" w:rsidRPr="00632A79" w14:paraId="34F51E63" w14:textId="77777777" w:rsidTr="00632A79">
        <w:trPr>
          <w:trHeight w:val="600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DF89B9E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ECOG status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576C1A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1, 1.0 (0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7EF376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8, 1.0 (0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F2D0BD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9, 1.0 (1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E2BEB0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5, 1.0 (0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5E4670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0, 1.0 (1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651383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5, 1.0 (1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4E619B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7, 1.0 (0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A75D18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2, 1.0 (0.0-1.0)</w:t>
            </w:r>
          </w:p>
        </w:tc>
      </w:tr>
      <w:tr w:rsidR="00632A79" w:rsidRPr="00632A79" w14:paraId="46605AE1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A9B81B9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ECOG status - N (%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ACC742A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09166EC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526225C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300E6DC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4A54BAF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455302B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325D949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E0D7C24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</w:tr>
      <w:tr w:rsidR="00632A79" w:rsidRPr="00632A79" w14:paraId="018717C4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98B467F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0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F1C716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8 (25.8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13701E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0 (26.3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650455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6 (20.7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0811FA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9 (25.7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4A9207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4 (2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74F4F5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6 (24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8A4B6B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5 (29.4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201939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7 (30.4)</w:t>
            </w:r>
          </w:p>
        </w:tc>
      </w:tr>
      <w:tr w:rsidR="00632A79" w:rsidRPr="00632A79" w14:paraId="671B2C86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6A777DF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1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1AE6C4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3 (74.2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B7D6D1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8 (73.7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5CEB7C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3 (79.3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66D8F3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6 (74.3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41BC16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6 (8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7D6EAB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9 (76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AF6B8E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2 (70.6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6207AF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5 (65.2)</w:t>
            </w:r>
          </w:p>
        </w:tc>
      </w:tr>
      <w:tr w:rsidR="00632A79" w:rsidRPr="00632A79" w14:paraId="13610854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888111C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2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7051F6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A91E5F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A3110A0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7578B50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48856F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D7C8EC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E7E54B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F84C40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632A79" w:rsidRPr="00632A79" w14:paraId="52FC2FEB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C893272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3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660EE2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F9DCEA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40D86C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5F85D4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41F56A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14CAAD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54320A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B49382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632A79" w:rsidRPr="00632A79" w14:paraId="7E3138C3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FC73EF6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4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9C72F20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967843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348F90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186EF8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09F709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FAF68A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74EF56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B28903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632A79" w:rsidRPr="00632A79" w14:paraId="441309E3" w14:textId="77777777" w:rsidTr="00632A79">
        <w:trPr>
          <w:trHeight w:val="315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15B862E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6F37579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927531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34AC0F5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7D5895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6601ED4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2F8722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403FB58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722FB6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 (4.3)</w:t>
            </w:r>
          </w:p>
        </w:tc>
      </w:tr>
    </w:tbl>
    <w:p w14:paraId="0F455D66" w14:textId="77777777" w:rsidR="00632A79" w:rsidRDefault="00632A79">
      <w:r>
        <w:br w:type="page"/>
      </w:r>
    </w:p>
    <w:tbl>
      <w:tblPr>
        <w:tblW w:w="13200" w:type="dxa"/>
        <w:tblInd w:w="10" w:type="dxa"/>
        <w:tblLook w:val="04A0" w:firstRow="1" w:lastRow="0" w:firstColumn="1" w:lastColumn="0" w:noHBand="0" w:noVBand="1"/>
      </w:tblPr>
      <w:tblGrid>
        <w:gridCol w:w="2800"/>
        <w:gridCol w:w="1300"/>
        <w:gridCol w:w="1300"/>
        <w:gridCol w:w="1300"/>
        <w:gridCol w:w="1300"/>
        <w:gridCol w:w="1300"/>
        <w:gridCol w:w="1300"/>
        <w:gridCol w:w="1300"/>
        <w:gridCol w:w="1300"/>
      </w:tblGrid>
      <w:tr w:rsidR="00632A79" w:rsidRPr="00632A79" w14:paraId="4DF59A28" w14:textId="77777777" w:rsidTr="00632A79">
        <w:trPr>
          <w:trHeight w:val="315"/>
        </w:trPr>
        <w:tc>
          <w:tcPr>
            <w:tcW w:w="28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296F2C26" w14:textId="1E005EE6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8FD69C0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CCEAA37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F64D40D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A27C8EC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353C32E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F736D17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A2CD9BC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5A9CBA0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632A79" w:rsidRPr="00632A79" w14:paraId="26522132" w14:textId="77777777" w:rsidTr="00632A79">
        <w:trPr>
          <w:trHeight w:val="300"/>
        </w:trPr>
        <w:tc>
          <w:tcPr>
            <w:tcW w:w="2800" w:type="dxa"/>
            <w:vMerge w:val="restart"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6227D2FC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 </w:t>
            </w:r>
          </w:p>
        </w:tc>
        <w:tc>
          <w:tcPr>
            <w:tcW w:w="260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2CD60150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5</w:t>
            </w:r>
          </w:p>
        </w:tc>
        <w:tc>
          <w:tcPr>
            <w:tcW w:w="260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28FD25E4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6</w:t>
            </w:r>
          </w:p>
        </w:tc>
        <w:tc>
          <w:tcPr>
            <w:tcW w:w="260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12A36EC7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7</w:t>
            </w:r>
          </w:p>
        </w:tc>
        <w:tc>
          <w:tcPr>
            <w:tcW w:w="260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22DD7EB1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8</w:t>
            </w:r>
          </w:p>
        </w:tc>
      </w:tr>
      <w:tr w:rsidR="00632A79" w:rsidRPr="00632A79" w14:paraId="3138FCFB" w14:textId="77777777" w:rsidTr="00632A79">
        <w:trPr>
          <w:trHeight w:val="300"/>
        </w:trPr>
        <w:tc>
          <w:tcPr>
            <w:tcW w:w="2800" w:type="dxa"/>
            <w:vMerge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37D04D49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D31C65B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9936CED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7C667BB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1867483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E307791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467D56F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E73E28F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EC75C9F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</w:tr>
      <w:tr w:rsidR="00632A79" w:rsidRPr="00632A79" w14:paraId="56429551" w14:textId="77777777" w:rsidTr="00632A79">
        <w:trPr>
          <w:trHeight w:val="300"/>
        </w:trPr>
        <w:tc>
          <w:tcPr>
            <w:tcW w:w="2800" w:type="dxa"/>
            <w:vMerge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724DEC04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264568E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3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E595E3A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5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580AC56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1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4605435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3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E8B3D7C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6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EC29BC7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7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0ADF2A6A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6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E6AE792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6</w:t>
            </w:r>
          </w:p>
        </w:tc>
      </w:tr>
      <w:tr w:rsidR="00632A79" w:rsidRPr="00632A79" w14:paraId="4E212AD4" w14:textId="77777777" w:rsidTr="00632A79">
        <w:trPr>
          <w:trHeight w:val="495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36736FE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Systolic BP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9B57DB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3, 126.0 (117.0-144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2A40430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5, 143.0 (130.0-156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94155D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0, 122.0 (114.0-136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A86FFF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3, 147.0 (135.0-157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817401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6, 144.5 (130.0-155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F02682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7, 137.0 (114.0-172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0A628A3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5, 130.0 (130.0-134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15C547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6, 148.5 (135.0-161.0)</w:t>
            </w:r>
          </w:p>
        </w:tc>
      </w:tr>
      <w:tr w:rsidR="00632A79" w:rsidRPr="00632A79" w14:paraId="5A8422DA" w14:textId="77777777" w:rsidTr="00632A79">
        <w:trPr>
          <w:trHeight w:val="600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974D970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Diastolic BP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2C67B7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3, 73.0 (67.0-82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37CA0D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5, 82.0 (74.0-88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F33FD1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0, 72.0 (65.0-79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880A3F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3, 80.0 (76.0-83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A1FCB8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6, 82.0 (79.0-88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0D07AE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7, 78.0 (67.0-89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0907968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5, 73.0 (72.0-85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325C1B0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6, 82.5 (77.0-84.0)</w:t>
            </w:r>
          </w:p>
        </w:tc>
      </w:tr>
      <w:tr w:rsidR="00632A79" w:rsidRPr="00632A79" w14:paraId="4AE36448" w14:textId="77777777" w:rsidTr="00632A79">
        <w:trPr>
          <w:trHeight w:val="600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A39DB98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Oxygen saturation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8AA0AE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3, 98.0 (97.0-98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E70C14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3, 96.0 (96.0-97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6B331E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0, 98.0 (98.0-99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38D7F6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3, 97.0 (96.0-98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65D2CD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6, 97.0 (97.0-99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F8F1F0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7, 98.0 (96.0-98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0A7573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5, 96.0 (95.0-98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EC8DD6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5, 98.0 (98.0-99.0)</w:t>
            </w:r>
          </w:p>
        </w:tc>
      </w:tr>
      <w:tr w:rsidR="00632A79" w:rsidRPr="00632A79" w14:paraId="60D339DD" w14:textId="77777777" w:rsidTr="00632A79">
        <w:trPr>
          <w:trHeight w:val="495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08AF527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ulse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DEB883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3, 79.0 (76.0-86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FD5CF3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5, 90.0 (74.0-92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87C63E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0, 75.0 (62.0-83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71066D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3, 78.0 (67.0-86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B46E1A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6, 75.5 (72.0-82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94AEA4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7, 79.0 (74.0-82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A0A8B3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5, 80.0 (72.0-82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18CC7A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6, 75.5 (72.0-86.0)</w:t>
            </w:r>
          </w:p>
        </w:tc>
      </w:tr>
      <w:tr w:rsidR="00632A79" w:rsidRPr="00632A79" w14:paraId="6CEA1BB7" w14:textId="77777777" w:rsidTr="00632A79">
        <w:trPr>
          <w:trHeight w:val="495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25FACFA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Weight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B7BB68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3, 70.6 (61.3-83.9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417473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4, 76.9 (66.4-93.1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C13FCD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1, 70.2 (60.6-82.5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5D6D71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3, 75.7 (68.4-93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E0635E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6, 68.8 (58.4-82.1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F4E4FE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6, 77.5 (67.4-96.3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A5D511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6, 68.5 (58.4-81.9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8FC2A2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6, 88.6 (75.3-101.4)</w:t>
            </w:r>
          </w:p>
        </w:tc>
      </w:tr>
      <w:tr w:rsidR="00632A79" w:rsidRPr="00632A79" w14:paraId="58D8F7FD" w14:textId="77777777" w:rsidTr="00632A79">
        <w:trPr>
          <w:trHeight w:val="600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C363DDA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ECOG status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7EFD67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3, 1.0 (1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7049B2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5, 1.0 (0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6C213D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1, 1.0 (0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E80210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3, 1.0 (1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0480086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6, 1.0 (0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ECEF86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7, 1.0 (1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51BC4C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6, 0.5 (0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55A00A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6, 0.5 (0.0-1.0)</w:t>
            </w:r>
          </w:p>
        </w:tc>
      </w:tr>
      <w:tr w:rsidR="00632A79" w:rsidRPr="00632A79" w14:paraId="650CA1B6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6AE8A84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ECOG status - N (%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104A91E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AD8C275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8A8E530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26D1E75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F3634F0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D99AB22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B473049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51440F4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</w:tr>
      <w:tr w:rsidR="00632A79" w:rsidRPr="00632A79" w14:paraId="2104D062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0A4B17D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0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939D13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 (15.4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A1D004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5 (33.3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5A08BF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 (27.3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B2588F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 (23.1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A048BE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 (33.3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B78EA4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 (14.3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8C05DD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 (5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6DCD5D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 (50.0)</w:t>
            </w:r>
          </w:p>
        </w:tc>
      </w:tr>
      <w:tr w:rsidR="00632A79" w:rsidRPr="00632A79" w14:paraId="5160B4C1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0BAFE51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1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0BB448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1 (84.6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B41372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9 (6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FEE996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8 (72.7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F7FFF5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0 (76.9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C74E27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4 (66.7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B219C5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6 (85.7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3789C8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 (5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51929A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 (50.0)</w:t>
            </w:r>
          </w:p>
        </w:tc>
      </w:tr>
      <w:tr w:rsidR="00632A79" w:rsidRPr="00632A79" w14:paraId="4806D7C4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60320F7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2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11456D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453FE9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 (6.7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55A150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BE5C69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9019F1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E424E8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0CBDBA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7B64F2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632A79" w:rsidRPr="00632A79" w14:paraId="37005190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990632D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3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339A18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4F7366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AEFC0C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AC3493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0DCA25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B4DAC6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DDB53A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225963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632A79" w:rsidRPr="00632A79" w14:paraId="05AC2646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245C0C7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4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901665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5C0CFF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0F7B3F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9C0C8A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3DE7D0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96FF42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6F637E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ECAD07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632A79" w:rsidRPr="00632A79" w14:paraId="580BCAAA" w14:textId="77777777" w:rsidTr="00632A79">
        <w:trPr>
          <w:trHeight w:val="315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844F205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4805723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3FAD3D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189D934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0270EA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25695DE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643527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6FC03F6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D4D42E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</w:tbl>
    <w:p w14:paraId="306E541E" w14:textId="77777777" w:rsidR="00632A79" w:rsidRDefault="00632A79">
      <w:r>
        <w:br w:type="page"/>
      </w:r>
    </w:p>
    <w:tbl>
      <w:tblPr>
        <w:tblW w:w="13200" w:type="dxa"/>
        <w:tblInd w:w="10" w:type="dxa"/>
        <w:tblLook w:val="04A0" w:firstRow="1" w:lastRow="0" w:firstColumn="1" w:lastColumn="0" w:noHBand="0" w:noVBand="1"/>
      </w:tblPr>
      <w:tblGrid>
        <w:gridCol w:w="2800"/>
        <w:gridCol w:w="1300"/>
        <w:gridCol w:w="1300"/>
        <w:gridCol w:w="1300"/>
        <w:gridCol w:w="1300"/>
        <w:gridCol w:w="1300"/>
        <w:gridCol w:w="1300"/>
        <w:gridCol w:w="1300"/>
        <w:gridCol w:w="1300"/>
      </w:tblGrid>
      <w:tr w:rsidR="00632A79" w:rsidRPr="00632A79" w14:paraId="7B3296CE" w14:textId="77777777" w:rsidTr="00632A79">
        <w:trPr>
          <w:trHeight w:val="315"/>
        </w:trPr>
        <w:tc>
          <w:tcPr>
            <w:tcW w:w="28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576AD18B" w14:textId="731CBC3D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37F5B004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676E6038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106E2B39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6D7CEC3E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C7FEBC0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2840DE1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F151E39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8352E01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632A79" w:rsidRPr="00632A79" w14:paraId="710C3DE7" w14:textId="77777777" w:rsidTr="00632A79">
        <w:trPr>
          <w:trHeight w:val="300"/>
        </w:trPr>
        <w:tc>
          <w:tcPr>
            <w:tcW w:w="2800" w:type="dxa"/>
            <w:vMerge w:val="restart"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5ED050C0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 </w:t>
            </w:r>
          </w:p>
        </w:tc>
        <w:tc>
          <w:tcPr>
            <w:tcW w:w="260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78B6AF96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9</w:t>
            </w:r>
          </w:p>
        </w:tc>
        <w:tc>
          <w:tcPr>
            <w:tcW w:w="260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137B0588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0</w:t>
            </w:r>
          </w:p>
        </w:tc>
        <w:tc>
          <w:tcPr>
            <w:tcW w:w="260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718FE594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1</w:t>
            </w:r>
          </w:p>
        </w:tc>
        <w:tc>
          <w:tcPr>
            <w:tcW w:w="260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3867614B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2</w:t>
            </w:r>
          </w:p>
        </w:tc>
      </w:tr>
      <w:tr w:rsidR="00632A79" w:rsidRPr="00632A79" w14:paraId="3DFD3890" w14:textId="77777777" w:rsidTr="00632A79">
        <w:trPr>
          <w:trHeight w:val="300"/>
        </w:trPr>
        <w:tc>
          <w:tcPr>
            <w:tcW w:w="2800" w:type="dxa"/>
            <w:vMerge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7DAFC7F1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B9660A9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30713D4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1907D17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F1BA35D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256EF9E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C334927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68A4551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19220B2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</w:tr>
      <w:tr w:rsidR="00632A79" w:rsidRPr="00632A79" w14:paraId="0E7A8BC2" w14:textId="77777777" w:rsidTr="00632A79">
        <w:trPr>
          <w:trHeight w:val="300"/>
        </w:trPr>
        <w:tc>
          <w:tcPr>
            <w:tcW w:w="2800" w:type="dxa"/>
            <w:vMerge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366FB55E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68DB4CE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3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55E44FD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C896504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DF532C1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02A8E9F6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5243FA9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AAB0033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D339227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</w:tr>
      <w:tr w:rsidR="00632A79" w:rsidRPr="00632A79" w14:paraId="3F7465B4" w14:textId="77777777" w:rsidTr="00632A79">
        <w:trPr>
          <w:trHeight w:val="495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E503DB0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Systolic BP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75B42D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, 138.0 (118.0-147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320B50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150.0 (150.0-15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8CED0B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, 128.0 (127.0-129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1292B1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147.0 (147.0-147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367A0F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, 140.5 (128.0-153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997351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8DC9BE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, 150.0 (149.0-15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254EF7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632A79" w:rsidRPr="00632A79" w14:paraId="2922344E" w14:textId="77777777" w:rsidTr="00632A79">
        <w:trPr>
          <w:trHeight w:val="600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F6E7564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Diastolic BP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B9A76B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, 79.0 (52.0-83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FC907D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59.0 (59.0-59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0E3EE0A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, 84.5 (83.0-86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D3E4CC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73.0 (73.0-73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A133DE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, 83.0 (75.0-9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F3AFD8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51CA41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, 71.0 (59.0-83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6D0F3B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632A79" w:rsidRPr="00632A79" w14:paraId="245B0C53" w14:textId="77777777" w:rsidTr="00632A79">
        <w:trPr>
          <w:trHeight w:val="600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03D6E1A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Oxygen saturation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FB5A62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, 99.0 (97.0-10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6B3DD5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98.0 (98.0-98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D3E3A4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, 96.5 (96.0-97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74E851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97.0 (97.0-97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A53BDC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, 97.5 (97.0-98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9A39A7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46A6D2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, 99.5 (99.0-10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1EB20E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632A79" w:rsidRPr="00632A79" w14:paraId="62030374" w14:textId="77777777" w:rsidTr="00632A79">
        <w:trPr>
          <w:trHeight w:val="495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3F49907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ulse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99F895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, 77.0 (60.0-82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863D83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76.0 (76.0-76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96AB67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, 77.5 (75.0-8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DE77A3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100.0 (100.0-10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448F25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, 80.5 (79.0-82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D85C35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FA3518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, 74.0 (70.0-78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77C2E2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632A79" w:rsidRPr="00632A79" w14:paraId="4ACD5DB1" w14:textId="77777777" w:rsidTr="00632A79">
        <w:trPr>
          <w:trHeight w:val="495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8A853F5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Weight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CA9972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, 71.6 (45.0-82.8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119638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66.8 (66.8-66.8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60C052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, 77.3 (71.2-83.3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62DFA7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66.6 (66.6-66.6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CEF611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, 76.0 (70.4-81.7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66D1E8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338F31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, 77.0 (71.0-83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AD28F3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632A79" w:rsidRPr="00632A79" w14:paraId="5AEEDCBE" w14:textId="77777777" w:rsidTr="00632A79">
        <w:trPr>
          <w:trHeight w:val="600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3901CED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ECOG status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0AB290D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3, 0.0 (0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F6B01F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0.0 (0.0-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737184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, 0.5 (0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7AA400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1.0 (1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966C17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, 0.5 (0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6185D7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FC6DF1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, 0.5 (0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B698A6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632A79" w:rsidRPr="00632A79" w14:paraId="7F8025AE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8974AA1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ECOG status - N (%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F16C1A6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710023B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C324DE7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0E360CD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E054FB2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CCF347C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41D4432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1CE397D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</w:tr>
      <w:tr w:rsidR="00632A79" w:rsidRPr="00632A79" w14:paraId="1E11A9CB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2328A08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0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7E63EA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 (66.7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6FD8BB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7E5D48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 (5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717325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FF3BBE0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 (5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47B730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EF836D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 (5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35CE6D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632A79" w:rsidRPr="00632A79" w14:paraId="3DE97D2A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6AB8DBD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1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E695FF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 (33.3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B92FAB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0AA227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 (5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9F9081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1B86AE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 (5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AE99580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E19462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 (5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AA66E7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632A79" w:rsidRPr="00632A79" w14:paraId="06788507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173803C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2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70B5EA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A3C0DB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CE7949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B3BBCD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DC8847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08E5C30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07375A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874734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632A79" w:rsidRPr="00632A79" w14:paraId="0D8EE58C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8942386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3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623BE8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451C5C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01DDAC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45F02E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BFFF08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4BB27E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AF5F5D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8E468A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632A79" w:rsidRPr="00632A79" w14:paraId="4AF8846E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E08E568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4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6558D70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B1FE68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1DC28D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618228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6F1DED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7FE248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BCD6EF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327050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632A79" w:rsidRPr="00632A79" w14:paraId="05F69428" w14:textId="77777777" w:rsidTr="00632A79">
        <w:trPr>
          <w:trHeight w:val="315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AFD5437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23949D2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75E56A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192E60C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343FA5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01E827C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24B22B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5780628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3510340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</w:tbl>
    <w:p w14:paraId="1D277302" w14:textId="77777777" w:rsidR="00632A79" w:rsidRDefault="00632A79">
      <w:r>
        <w:br w:type="page"/>
      </w:r>
    </w:p>
    <w:tbl>
      <w:tblPr>
        <w:tblW w:w="13200" w:type="dxa"/>
        <w:tblInd w:w="10" w:type="dxa"/>
        <w:tblLook w:val="04A0" w:firstRow="1" w:lastRow="0" w:firstColumn="1" w:lastColumn="0" w:noHBand="0" w:noVBand="1"/>
      </w:tblPr>
      <w:tblGrid>
        <w:gridCol w:w="2800"/>
        <w:gridCol w:w="1300"/>
        <w:gridCol w:w="1300"/>
        <w:gridCol w:w="1300"/>
        <w:gridCol w:w="1300"/>
        <w:gridCol w:w="1300"/>
        <w:gridCol w:w="1300"/>
        <w:gridCol w:w="1300"/>
        <w:gridCol w:w="1300"/>
      </w:tblGrid>
      <w:tr w:rsidR="00632A79" w:rsidRPr="00632A79" w14:paraId="26285527" w14:textId="77777777" w:rsidTr="00632A79">
        <w:trPr>
          <w:trHeight w:val="315"/>
        </w:trPr>
        <w:tc>
          <w:tcPr>
            <w:tcW w:w="28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5F9E7734" w14:textId="7FCE01C9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5D4FFA54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60434CB1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10E21CE3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4D7AEA3C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F78DB5B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A8430E9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C55486B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EC7E852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632A79" w:rsidRPr="00632A79" w14:paraId="3AD87CD6" w14:textId="77777777" w:rsidTr="00632A79">
        <w:trPr>
          <w:trHeight w:val="300"/>
        </w:trPr>
        <w:tc>
          <w:tcPr>
            <w:tcW w:w="2800" w:type="dxa"/>
            <w:vMerge w:val="restart"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745777F4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 </w:t>
            </w:r>
          </w:p>
        </w:tc>
        <w:tc>
          <w:tcPr>
            <w:tcW w:w="260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5AA1D415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3</w:t>
            </w:r>
          </w:p>
        </w:tc>
        <w:tc>
          <w:tcPr>
            <w:tcW w:w="260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0D5220FE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4</w:t>
            </w:r>
          </w:p>
        </w:tc>
        <w:tc>
          <w:tcPr>
            <w:tcW w:w="260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22C87150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5</w:t>
            </w:r>
          </w:p>
        </w:tc>
        <w:tc>
          <w:tcPr>
            <w:tcW w:w="260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7EAFD703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6</w:t>
            </w:r>
          </w:p>
        </w:tc>
      </w:tr>
      <w:tr w:rsidR="00632A79" w:rsidRPr="00632A79" w14:paraId="420A6F1E" w14:textId="77777777" w:rsidTr="00632A79">
        <w:trPr>
          <w:trHeight w:val="300"/>
        </w:trPr>
        <w:tc>
          <w:tcPr>
            <w:tcW w:w="2800" w:type="dxa"/>
            <w:vMerge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1E39E334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DCE03FB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37B6F9A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175425C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A7F8DFA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A767F66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F021BC9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EF0BC8C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47E0820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</w:tr>
      <w:tr w:rsidR="00632A79" w:rsidRPr="00632A79" w14:paraId="02AB7629" w14:textId="77777777" w:rsidTr="00632A79">
        <w:trPr>
          <w:trHeight w:val="300"/>
        </w:trPr>
        <w:tc>
          <w:tcPr>
            <w:tcW w:w="2800" w:type="dxa"/>
            <w:vMerge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2555B448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3F1F496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44114CE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FC7F568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51E7711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CCA8A50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128EF50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A719824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2E6933E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</w:tr>
      <w:tr w:rsidR="00632A79" w:rsidRPr="00632A79" w14:paraId="098FBB2E" w14:textId="77777777" w:rsidTr="00632A79">
        <w:trPr>
          <w:trHeight w:val="495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6E0C50F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Systolic BP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7F492D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151.0 (151.0-15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CB20A0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53787A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125.0 (125.0-125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E5B2AA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A7FB8C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134.0 (134.0-134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0E0BD6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8CDFB3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102.0 (102.0-102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12B6A0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632A79" w:rsidRPr="00632A79" w14:paraId="32E19069" w14:textId="77777777" w:rsidTr="00632A79">
        <w:trPr>
          <w:trHeight w:val="600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A0C9A5E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Diastolic BP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008AED0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59.0 (59.0-59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CB3059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AE9937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72.0 (72.0-72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DCA66E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8D9F09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64.0 (64.0-64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BEF16A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E443FE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60.0 (60.0-6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B53A4A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632A79" w:rsidRPr="00632A79" w14:paraId="1776D66E" w14:textId="77777777" w:rsidTr="00632A79">
        <w:trPr>
          <w:trHeight w:val="600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26DE6E3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Oxygen saturation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D3F44A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99.0 (99.0-99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F3A226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4475BF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98.0 (98.0-98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09F8DD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412122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98.0 (98.0-98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4503FB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5A8EA2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91.0 (91.0-9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C2BCD7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632A79" w:rsidRPr="00632A79" w14:paraId="315D6366" w14:textId="77777777" w:rsidTr="00632A79">
        <w:trPr>
          <w:trHeight w:val="495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50CFF45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ulse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EA9D49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70.0 (70.0-7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44D1BC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D2FEF0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82.0 (82.0-82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2F2711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9E9F92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78.0 (78.0-78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008B0B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8709BB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83.0 (83.0-83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311EA7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632A79" w:rsidRPr="00632A79" w14:paraId="09CB7BFD" w14:textId="77777777" w:rsidTr="00632A79">
        <w:trPr>
          <w:trHeight w:val="495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6BB1D6A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Weight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36451C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71.0 (71.0-7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AA2638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2D15E9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68.6 (68.6-68.6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5272000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903629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69.2 (69.2-69.2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1EAE6D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BA7B79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68.9 (68.9-68.9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C3A75F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632A79" w:rsidRPr="00632A79" w14:paraId="555F4825" w14:textId="77777777" w:rsidTr="00632A79">
        <w:trPr>
          <w:trHeight w:val="600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E605FCA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ECOG status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247C22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1.0 (1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5EFBF4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98A360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1.0 (1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648651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25B116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1.0 (1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AB855E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CC4F19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2.0 (2.0-2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A75D45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632A79" w:rsidRPr="00632A79" w14:paraId="46ED4389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35FA508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ECOG status - N (%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74B0BD5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511C1BF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5428E49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5594E73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E237A00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20C453E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BC91CEF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D67EC9D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</w:tr>
      <w:tr w:rsidR="00632A79" w:rsidRPr="00632A79" w14:paraId="72A7F65A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744CC64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0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561E83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815DE7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A056C2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D13E37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F0A6CB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DF9F84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9B5C9E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E0F792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632A79" w:rsidRPr="00632A79" w14:paraId="284A0ADE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0A2E072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1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38931B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145B53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A46CAF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8E6200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F68924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9BF80F0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2C228F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DA9706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632A79" w:rsidRPr="00632A79" w14:paraId="54B36729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B8FAC42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2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1D0300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ACE498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6E80F4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F9F9A4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8EE23B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2DD8E8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8B1C9D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7989C5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632A79" w:rsidRPr="00632A79" w14:paraId="7311CA09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18985C3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3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3DD329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7EB109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FE8639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142255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19F256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16A3C4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398410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304327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632A79" w:rsidRPr="00632A79" w14:paraId="29BD055E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C80B94D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4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151868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FA2D4C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4CA2AD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ADB464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9235A5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C4DD24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0891F2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77CCC7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632A79" w:rsidRPr="00632A79" w14:paraId="38BAAA4F" w14:textId="77777777" w:rsidTr="00632A79">
        <w:trPr>
          <w:trHeight w:val="315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3839E98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7B6816F0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34500B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6938DB9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54E419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663848F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8538A7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57F3B83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BEE1C2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</w:tr>
    </w:tbl>
    <w:p w14:paraId="303D4A14" w14:textId="77777777" w:rsidR="00632A79" w:rsidRDefault="00632A79">
      <w:r>
        <w:br w:type="page"/>
      </w:r>
    </w:p>
    <w:tbl>
      <w:tblPr>
        <w:tblW w:w="13200" w:type="dxa"/>
        <w:tblInd w:w="10" w:type="dxa"/>
        <w:tblLook w:val="04A0" w:firstRow="1" w:lastRow="0" w:firstColumn="1" w:lastColumn="0" w:noHBand="0" w:noVBand="1"/>
      </w:tblPr>
      <w:tblGrid>
        <w:gridCol w:w="2800"/>
        <w:gridCol w:w="1300"/>
        <w:gridCol w:w="1300"/>
        <w:gridCol w:w="1300"/>
        <w:gridCol w:w="1300"/>
        <w:gridCol w:w="1300"/>
        <w:gridCol w:w="1300"/>
        <w:gridCol w:w="1300"/>
        <w:gridCol w:w="1300"/>
      </w:tblGrid>
      <w:tr w:rsidR="00632A79" w:rsidRPr="00632A79" w14:paraId="63DE0657" w14:textId="77777777" w:rsidTr="00632A79">
        <w:trPr>
          <w:trHeight w:val="315"/>
        </w:trPr>
        <w:tc>
          <w:tcPr>
            <w:tcW w:w="28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6C245DA2" w14:textId="0D73D84A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4A28EDE3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1F3AF5CF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33F4BF98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bottom"/>
            <w:hideMark/>
          </w:tcPr>
          <w:p w14:paraId="4F67094D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EDCBC12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527C400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196F616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76B8BC7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632A79" w:rsidRPr="00632A79" w14:paraId="266B6BD3" w14:textId="77777777" w:rsidTr="00632A79">
        <w:trPr>
          <w:trHeight w:val="300"/>
        </w:trPr>
        <w:tc>
          <w:tcPr>
            <w:tcW w:w="2800" w:type="dxa"/>
            <w:vMerge w:val="restart"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57A62885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 </w:t>
            </w:r>
          </w:p>
        </w:tc>
        <w:tc>
          <w:tcPr>
            <w:tcW w:w="260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1C6D6C42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7</w:t>
            </w:r>
          </w:p>
        </w:tc>
        <w:tc>
          <w:tcPr>
            <w:tcW w:w="260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2CDECFB5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8</w:t>
            </w:r>
          </w:p>
        </w:tc>
        <w:tc>
          <w:tcPr>
            <w:tcW w:w="260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7AD32147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30 days post treatment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0B0886C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F6E52CD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632A79" w:rsidRPr="00632A79" w14:paraId="1B99C23F" w14:textId="77777777" w:rsidTr="00632A79">
        <w:trPr>
          <w:trHeight w:val="300"/>
        </w:trPr>
        <w:tc>
          <w:tcPr>
            <w:tcW w:w="2800" w:type="dxa"/>
            <w:vMerge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02143FF8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DE6B70D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7096322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E2D1865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30DBD12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11B4856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EB2DB31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E8FB960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AC751CC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632A79" w:rsidRPr="00632A79" w14:paraId="6D4CF07D" w14:textId="77777777" w:rsidTr="00632A79">
        <w:trPr>
          <w:trHeight w:val="300"/>
        </w:trPr>
        <w:tc>
          <w:tcPr>
            <w:tcW w:w="2800" w:type="dxa"/>
            <w:vMerge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74BDBB22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DC0F5CC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EA2630E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6BF0906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9C9E51A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166D996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9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1B5F961" w14:textId="77777777" w:rsidR="00632A79" w:rsidRPr="00632A79" w:rsidRDefault="00632A79" w:rsidP="00632A79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6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D2CC652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9C10797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632A79" w:rsidRPr="00632A79" w14:paraId="2FEC17E8" w14:textId="77777777" w:rsidTr="00632A79">
        <w:trPr>
          <w:trHeight w:val="495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BB2D3F0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Systolic BP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67960A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123.0 (123.0-123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97D9E9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338E77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129.0 (129.0-129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9154C7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123A24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8, 138.0 (133.0-144.5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F15ACA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5, 121.0 (121.0-127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D8E40BD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5566EFA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632A79" w:rsidRPr="00632A79" w14:paraId="4A34003A" w14:textId="77777777" w:rsidTr="00632A79">
        <w:trPr>
          <w:trHeight w:val="600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F5DE3C5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Diastolic BP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FF7B0C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65.0 (65.0-65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C46265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2A3B076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70.0 (70.0-7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59865E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28ABE3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8, 73.5 (67.0-86.5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FB10A2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5, 79.0 (73.0-79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5DEFB12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6529BE9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632A79" w:rsidRPr="00632A79" w14:paraId="1591A21F" w14:textId="77777777" w:rsidTr="00632A79">
        <w:trPr>
          <w:trHeight w:val="600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7F98EF5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Oxygen saturation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BEE175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92.0 (92.0-92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801F8E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4EB6E51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99.0 (99.0-99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97FE3D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1A54C7A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6, 96.5 (95.0-97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17C715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5, 95.0 (95.0-97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E14F35D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4C9320A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632A79" w:rsidRPr="00632A79" w14:paraId="0B97E663" w14:textId="77777777" w:rsidTr="00632A79">
        <w:trPr>
          <w:trHeight w:val="495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F0535BD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ulse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5EB492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87.0 (87.0-87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E6277E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29E696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81.0 (81.0-8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23E6CC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FDF2E3C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8, 86.0 (82.0-92.5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FFD930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5, 92.0 (89.0-99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DFE6E94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4E4E0FB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632A79" w:rsidRPr="00632A79" w14:paraId="1F544BEE" w14:textId="77777777" w:rsidTr="00632A79">
        <w:trPr>
          <w:trHeight w:val="495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D6E1857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Weight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63A89A2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67.9 (67.9-67.9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62F584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15ABB3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68.0 (68.0-68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0CE016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A17C79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8, 80.5 (72.6-86.2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D50040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5, 72.8 (63.0-92.5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1B67DA5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0FEF045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632A79" w:rsidRPr="00632A79" w14:paraId="08D89BA3" w14:textId="77777777" w:rsidTr="00632A79">
        <w:trPr>
          <w:trHeight w:val="600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FF19A29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ECOG status - n, median (IQR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72B419A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1.0 (1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248A770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384C14B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, 1.0 (1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9C427B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vAlign w:val="bottom"/>
            <w:hideMark/>
          </w:tcPr>
          <w:p w14:paraId="5535A4C0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7, 1.0 (1.0-1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5FE35D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6, 1.0 (1.0-1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46435A7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36AF228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632A79" w:rsidRPr="00632A79" w14:paraId="5FD530C7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8D76B0B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ECOG status - N (%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B3272FD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97246A0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00C4590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1D56C32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3A48D8F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AD78728" w14:textId="77777777" w:rsidR="00632A79" w:rsidRPr="00632A79" w:rsidRDefault="00632A79" w:rsidP="00632A79">
            <w:pPr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632A79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968EC10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934F62E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632A79" w:rsidRPr="00632A79" w14:paraId="0C05C5B7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0BD3BFB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0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6B2BF0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258891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9907E71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74F804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FF90BB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 (11.1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043693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 (16.7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5280E84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CC1A5E2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632A79" w:rsidRPr="00632A79" w14:paraId="55D61DF3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47EC590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1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E6DF51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B611E2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7CF402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4DCB44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1FC72F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6 (66.7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CD3348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4 (66.7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D935E8F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99F7847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632A79" w:rsidRPr="00632A79" w14:paraId="740F5F54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247CB2C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2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74A0CEE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EDEFE4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BCD87E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6E3F69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2781649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3FBCC0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1 (16.7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DCF1CC2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D8F0DBF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632A79" w:rsidRPr="00632A79" w14:paraId="16F3F299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CC91EF7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3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AB5B08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7426A8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9FED44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02289F4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813072B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D06D8E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ABD1A45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3A5B3EA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632A79" w:rsidRPr="00632A79" w14:paraId="016629BF" w14:textId="77777777" w:rsidTr="00632A79">
        <w:trPr>
          <w:trHeight w:val="300"/>
        </w:trPr>
        <w:tc>
          <w:tcPr>
            <w:tcW w:w="2800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7AEA236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4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191C828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0B89ED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5B379B3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15093B6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B3F573A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802290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5EDE7E2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2E5B539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632A79" w:rsidRPr="00632A79" w14:paraId="3A7F073E" w14:textId="77777777" w:rsidTr="00632A79">
        <w:trPr>
          <w:trHeight w:val="315"/>
        </w:trPr>
        <w:tc>
          <w:tcPr>
            <w:tcW w:w="2800" w:type="dxa"/>
            <w:tcBorders>
              <w:top w:val="nil"/>
              <w:left w:val="single" w:sz="8" w:space="0" w:color="auto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75C364A" w14:textId="77777777" w:rsidR="00632A79" w:rsidRPr="00632A79" w:rsidRDefault="00632A79" w:rsidP="00632A79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379B8DAD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596EE2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6A3B32DF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C1B73A5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44306A97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2 (22.2)</w:t>
            </w:r>
          </w:p>
        </w:tc>
        <w:tc>
          <w:tcPr>
            <w:tcW w:w="1300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0760132" w14:textId="77777777" w:rsidR="00632A79" w:rsidRPr="00632A79" w:rsidRDefault="00632A79" w:rsidP="00632A79">
            <w:pPr>
              <w:rPr>
                <w:rFonts w:eastAsia="Times New Roman"/>
                <w:sz w:val="18"/>
                <w:szCs w:val="18"/>
              </w:rPr>
            </w:pPr>
            <w:r w:rsidRPr="00632A79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A188294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30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9563012" w14:textId="77777777" w:rsidR="00632A79" w:rsidRPr="00632A79" w:rsidRDefault="00632A79" w:rsidP="00632A79">
            <w:pPr>
              <w:rPr>
                <w:rFonts w:eastAsia="Times New Roman"/>
                <w:sz w:val="22"/>
                <w:szCs w:val="22"/>
              </w:rPr>
            </w:pPr>
            <w:r w:rsidRPr="00632A79">
              <w:rPr>
                <w:rFonts w:eastAsia="Times New Roman"/>
                <w:sz w:val="22"/>
                <w:szCs w:val="22"/>
              </w:rPr>
              <w:t> </w:t>
            </w:r>
          </w:p>
        </w:tc>
      </w:tr>
    </w:tbl>
    <w:p w14:paraId="01779500" w14:textId="77777777" w:rsidR="00632A79" w:rsidRDefault="00632A79"/>
    <w:p w14:paraId="6B2F4C56" w14:textId="3B853CBB" w:rsidR="00117345" w:rsidRDefault="00117345">
      <w:r>
        <w:br w:type="page"/>
      </w:r>
    </w:p>
    <w:p w14:paraId="05567FE9" w14:textId="6D9178AE" w:rsidR="00EC5B6A" w:rsidRDefault="00EC5B6A" w:rsidP="00EC5B6A">
      <w:pPr>
        <w:rPr>
          <w:lang w:eastAsia="en-US"/>
        </w:rPr>
      </w:pPr>
    </w:p>
    <w:p w14:paraId="27348704" w14:textId="3342E886" w:rsidR="000D1DFF" w:rsidRDefault="000D1DFF" w:rsidP="000D1DFF">
      <w:pPr>
        <w:pStyle w:val="Caption"/>
        <w:keepNext/>
      </w:pPr>
      <w:r>
        <w:t xml:space="preserve">Table </w:t>
      </w:r>
      <w:r>
        <w:fldChar w:fldCharType="begin"/>
      </w:r>
      <w:r>
        <w:instrText xml:space="preserve"> SEQ Table \* ARABIC </w:instrText>
      </w:r>
      <w:r>
        <w:fldChar w:fldCharType="separate"/>
      </w:r>
      <w:r w:rsidR="00970777">
        <w:rPr>
          <w:noProof/>
        </w:rPr>
        <w:t>5</w:t>
      </w:r>
      <w:r>
        <w:fldChar w:fldCharType="end"/>
      </w:r>
      <w:r>
        <w:t>: Urinalysis, blood tests and serum biochemistry</w:t>
      </w:r>
    </w:p>
    <w:tbl>
      <w:tblPr>
        <w:tblW w:w="13060" w:type="dxa"/>
        <w:tblLook w:val="04A0" w:firstRow="1" w:lastRow="0" w:firstColumn="1" w:lastColumn="0" w:noHBand="0" w:noVBand="1"/>
      </w:tblPr>
      <w:tblGrid>
        <w:gridCol w:w="3539"/>
        <w:gridCol w:w="1192"/>
        <w:gridCol w:w="1191"/>
        <w:gridCol w:w="1189"/>
        <w:gridCol w:w="1191"/>
        <w:gridCol w:w="1191"/>
        <w:gridCol w:w="1189"/>
        <w:gridCol w:w="1189"/>
        <w:gridCol w:w="1189"/>
      </w:tblGrid>
      <w:tr w:rsidR="005F7A87" w:rsidRPr="005F7A87" w14:paraId="737E6C63" w14:textId="77777777" w:rsidTr="005F7A87">
        <w:trPr>
          <w:trHeight w:val="300"/>
        </w:trPr>
        <w:tc>
          <w:tcPr>
            <w:tcW w:w="3539" w:type="dxa"/>
            <w:vMerge w:val="restart"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5B51C548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Table </w:t>
            </w:r>
            <w:proofErr w:type="gramStart"/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5 :</w:t>
            </w:r>
            <w:proofErr w:type="gramEnd"/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 Urinalysis, blood tests and serum biochemistry</w:t>
            </w:r>
          </w:p>
        </w:tc>
        <w:tc>
          <w:tcPr>
            <w:tcW w:w="2383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6B0A349E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</w:t>
            </w:r>
          </w:p>
        </w:tc>
        <w:tc>
          <w:tcPr>
            <w:tcW w:w="238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01918CF6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2</w:t>
            </w:r>
          </w:p>
        </w:tc>
        <w:tc>
          <w:tcPr>
            <w:tcW w:w="238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47D95AB6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3</w:t>
            </w:r>
          </w:p>
        </w:tc>
        <w:tc>
          <w:tcPr>
            <w:tcW w:w="2378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7879CB6F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4</w:t>
            </w:r>
          </w:p>
        </w:tc>
      </w:tr>
      <w:tr w:rsidR="005F7A87" w:rsidRPr="005F7A87" w14:paraId="67A6D6E6" w14:textId="77777777" w:rsidTr="005F7A87">
        <w:trPr>
          <w:trHeight w:val="300"/>
        </w:trPr>
        <w:tc>
          <w:tcPr>
            <w:tcW w:w="3539" w:type="dxa"/>
            <w:vMerge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541116F6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EAAC518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857E882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7FA550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EF598A0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ECEC32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22E0B3E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71EB2B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C579975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</w:tr>
      <w:tr w:rsidR="005F7A87" w:rsidRPr="005F7A87" w14:paraId="534DBA58" w14:textId="77777777" w:rsidTr="005F7A87">
        <w:trPr>
          <w:trHeight w:val="300"/>
        </w:trPr>
        <w:tc>
          <w:tcPr>
            <w:tcW w:w="3539" w:type="dxa"/>
            <w:vMerge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068F14A4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1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A179E50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31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7212886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38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E1C5EC5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9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16C66FB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35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6B7ACF5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0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F7323EC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5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F35E44E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7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18480CC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3</w:t>
            </w:r>
          </w:p>
        </w:tc>
      </w:tr>
      <w:tr w:rsidR="005F7A87" w:rsidRPr="005F7A87" w14:paraId="36D68EB2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7F2B090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URINALYSIS</w:t>
            </w:r>
          </w:p>
        </w:tc>
        <w:tc>
          <w:tcPr>
            <w:tcW w:w="11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46C6D8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EB2155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0E9101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81AC3E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5DB543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A39626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68205D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527E70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239210FA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2D215F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H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662A2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06B0E0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06EF4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3172A1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B5F13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0F3D4C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368B3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886B9C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59FF7FF7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A2046A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9015D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7 (87.1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9A205C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2 (84.2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C4CA7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6 (89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397CD9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3 (94.3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1B5C5B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9 (95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56F8E8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3 (92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BB5A4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5 (88.2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5827CE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9 (82.6)</w:t>
            </w:r>
          </w:p>
        </w:tc>
      </w:tr>
      <w:tr w:rsidR="005F7A87" w:rsidRPr="005F7A87" w14:paraId="6042F32F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9DD07D7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82862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9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D61E8E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2.6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30B24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6.9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733DE8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EBC1B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5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E748FC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4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BCCBF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5.9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DE89FA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8.7)</w:t>
            </w:r>
          </w:p>
        </w:tc>
      </w:tr>
      <w:tr w:rsidR="005F7A87" w:rsidRPr="005F7A87" w14:paraId="15F84625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784099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752DDF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2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11AF36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5 (13.2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1F95F2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4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6C3809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5.7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528A25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2E7C1E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4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006E23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5.9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321E26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8.7)</w:t>
            </w:r>
          </w:p>
        </w:tc>
      </w:tr>
      <w:tr w:rsidR="005F7A87" w:rsidRPr="005F7A87" w14:paraId="45EB1A80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A7A50C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H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73B29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39861F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F22EC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0F91BB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A87D9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DE6E25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D8637A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1124B9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2F029EC8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7648C3F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652E5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9 (93.5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FB0B20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3 (86.8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AB77C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7 (93.1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51E41E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2 (91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D3923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0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39C0FA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4 (96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11802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6 (94.1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B6EA6D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1 (91.3)</w:t>
            </w:r>
          </w:p>
        </w:tc>
      </w:tr>
      <w:tr w:rsidR="005F7A87" w:rsidRPr="005F7A87" w14:paraId="0EFE5978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9225FE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C831C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2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A29809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372BF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09FBB3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2.9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DEF8B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6F7569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C108B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D77261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F7A87" w:rsidRPr="005F7A87" w14:paraId="02BDB6AC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BAFAC7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633883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2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1FEBE9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5 (13.2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4E186E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4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B006D8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5.7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A75F32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9FE4B0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4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B9225C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5.9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0C077B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8.7)</w:t>
            </w:r>
          </w:p>
        </w:tc>
      </w:tr>
      <w:tr w:rsidR="005F7A87" w:rsidRPr="005F7A87" w14:paraId="4F6A173C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159C62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Glucose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1D226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BBDF99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1C57A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45BF7B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3BE57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FDF4EA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4D9A55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CA84BA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6BAD54ED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0A3808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145F9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0 (96.8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3A36DF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1 (81.6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BF1F6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8 (96.6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223CD5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0 (85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895B2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0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A7B754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2 (88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4F5B3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5 (88.2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86C3EA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9 (82.6)</w:t>
            </w:r>
          </w:p>
        </w:tc>
      </w:tr>
      <w:tr w:rsidR="005F7A87" w:rsidRPr="005F7A87" w14:paraId="44FC4444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39FFF75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1812F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29CFB2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5.3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5CDEF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4E1851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8.6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ABC80F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CACCFB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8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A856B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5.9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114C5F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8.7)</w:t>
            </w:r>
          </w:p>
        </w:tc>
      </w:tr>
      <w:tr w:rsidR="005F7A87" w:rsidRPr="005F7A87" w14:paraId="53FA6D2D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D3B7F3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144B78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2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44260A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5 (13.2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181FA7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4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272CE2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5.7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95C3C2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27BCF7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4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2D431C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5.9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1855AD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8.7)</w:t>
            </w:r>
          </w:p>
        </w:tc>
      </w:tr>
      <w:tr w:rsidR="005F7A87" w:rsidRPr="005F7A87" w14:paraId="1F05BEAC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3B4258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Glucose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6D127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06B548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966FF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65279D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19643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A27029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9AA4C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8AF7AC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28CCFBBB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707D90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8DD62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8 (90.3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45E668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2 (84.2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8FE4E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7 (93.1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F4DD4B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2 (91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E6B6D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0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900423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4 (96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F8631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6 (94.1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8FE248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9 (82.6)</w:t>
            </w:r>
          </w:p>
        </w:tc>
      </w:tr>
      <w:tr w:rsidR="005F7A87" w:rsidRPr="005F7A87" w14:paraId="1DCDD4B0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E20BD9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CED78A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6.5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D3A329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2.6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CB3FD9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01338F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2.9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7CD8F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C9C138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A725A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95C1CE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8.7)</w:t>
            </w:r>
          </w:p>
        </w:tc>
      </w:tr>
      <w:tr w:rsidR="005F7A87" w:rsidRPr="005F7A87" w14:paraId="45B5FE43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6526B2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F8A74C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2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DAF92F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5 (13.2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3A529C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4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240854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5.7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0466B7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8953FD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4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0BF213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5.9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F6A8D2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8.7)</w:t>
            </w:r>
          </w:p>
        </w:tc>
      </w:tr>
      <w:tr w:rsidR="005F7A87" w:rsidRPr="005F7A87" w14:paraId="30D7F74B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E83C29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Blood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58D95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C96E6E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24EEF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7F0DC8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496D6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1F5F48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B20A2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03C355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08FCF43A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36CF29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B64CB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6 (83.9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1A99C6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2 (84.2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E24E1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2 (75.9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EDBDD4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2 (91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3C4757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6 (8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2DBF29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3 (92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F6248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4 (82.4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FE5410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0 (87.0)</w:t>
            </w:r>
          </w:p>
        </w:tc>
      </w:tr>
      <w:tr w:rsidR="005F7A87" w:rsidRPr="005F7A87" w14:paraId="2F51535D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321582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6FFE2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4 (12.9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2762DF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2.6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CDD95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 (20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618719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2.9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CA9F8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4 (2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256A03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4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4D0AD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1.8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6A6928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4.3)</w:t>
            </w:r>
          </w:p>
        </w:tc>
      </w:tr>
      <w:tr w:rsidR="005F7A87" w:rsidRPr="005F7A87" w14:paraId="110D4BB6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F7E156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98C962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2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16A38C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5 (13.2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312055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4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564820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5.7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BDDE83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B22685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4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20A7E4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5.9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79BDA2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8.7)</w:t>
            </w:r>
          </w:p>
        </w:tc>
      </w:tr>
      <w:tr w:rsidR="005F7A87" w:rsidRPr="005F7A87" w14:paraId="1294E298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61E3F69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Blood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173852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7C6D84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63990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1F2396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8FC23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A1A5D2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7448E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81CC3E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7FB37A03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C59AFC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D7B77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8 (90.3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DA6759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2 (84.2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FA43D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7 (93.1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D09D0F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2 (91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A1AA2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9 (95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1099CF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4 (96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D89BA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6 (94.1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8D85EA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1 (91.3)</w:t>
            </w:r>
          </w:p>
        </w:tc>
      </w:tr>
      <w:tr w:rsidR="005F7A87" w:rsidRPr="005F7A87" w14:paraId="57B4F567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5CCD63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40120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6.5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7005FD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2.6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68EDD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879B9F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2.9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E0C0B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5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94D903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A3155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E77098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F7A87" w:rsidRPr="005F7A87" w14:paraId="0E93310A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375233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95949F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2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1766D1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5 (13.2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744746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4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831A9B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5.7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447E03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470790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4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9E13CA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5.9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0E14EA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8.7)</w:t>
            </w:r>
          </w:p>
        </w:tc>
      </w:tr>
      <w:tr w:rsidR="005F7A87" w:rsidRPr="005F7A87" w14:paraId="7F9DE410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CD147D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rotein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997E0A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292D11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6D534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E217DE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E8B57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B86F52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774E8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30C72D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6EC5FD71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7432ABA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6CB179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5 (80.6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8548C3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0 (78.9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E92FE3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2 (75.9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82EF8E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2 (91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0F212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6 (8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878160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1 (84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F21F9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4 (82.4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0B22F1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7 (73.9)</w:t>
            </w:r>
          </w:p>
        </w:tc>
      </w:tr>
      <w:tr w:rsidR="005F7A87" w:rsidRPr="005F7A87" w14:paraId="00FBE4EA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98C1B3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4BCE5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5 (16.1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638939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7.9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81C39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 (20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43A691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2.9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DEE91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4 (2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5A08DE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12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71283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1.8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F1FC60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4 (17.4)</w:t>
            </w:r>
          </w:p>
        </w:tc>
      </w:tr>
      <w:tr w:rsidR="005F7A87" w:rsidRPr="005F7A87" w14:paraId="7B77E36B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89A2AC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D328D2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2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75D1ED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5 (13.2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A747DF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4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211232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5.7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67D7DE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753193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4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9FB7C8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5.9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FE5BC5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8.7)</w:t>
            </w:r>
          </w:p>
        </w:tc>
      </w:tr>
      <w:tr w:rsidR="005F7A87" w:rsidRPr="005F7A87" w14:paraId="1C081759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5C8372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rotein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2B84C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190BFD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1DAD1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2865ED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7F03D6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66FC10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4DF18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136BD4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635CB94F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7480E7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821A5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9 (93.5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F3AA37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1 (81.6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9E47A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6 (89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E2EA9D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2 (91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3608A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9 (95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6F6B20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4 (96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189BB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6 (94.1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819DDC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1 (91.3)</w:t>
            </w:r>
          </w:p>
        </w:tc>
      </w:tr>
      <w:tr w:rsidR="005F7A87" w:rsidRPr="005F7A87" w14:paraId="4FBCFCD1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3DEC21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98A56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2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40F0EC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5.3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B5D8E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6.9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B4E169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2.9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DC66DF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5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0744F0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098EC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EB70EB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F7A87" w:rsidRPr="005F7A87" w14:paraId="5CFBEFFD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3BB286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D3C74E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2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35E956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5 (13.2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E97043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4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28A4DE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5.7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EDABA0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81EAF9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4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C4273F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5.9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C66C0B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8.7)</w:t>
            </w:r>
          </w:p>
        </w:tc>
      </w:tr>
      <w:tr w:rsidR="005F7A87" w:rsidRPr="005F7A87" w14:paraId="76EC1CA3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32B000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Leucocytes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96C9D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2CA0EC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A5C1A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E0424C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04983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B50B50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3E6E3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018150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50187E25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138AA8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BB292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0 (96.8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227442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3 (86.8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6EEE8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8 (96.6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5C180C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2 (91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75DA3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9 (95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342136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4 (96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EE331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6 (94.1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52A3AA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9 (82.6)</w:t>
            </w:r>
          </w:p>
        </w:tc>
      </w:tr>
      <w:tr w:rsidR="005F7A87" w:rsidRPr="005F7A87" w14:paraId="01C1359F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AC1FBE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44A8EB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B52FD3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CA14C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88C0DA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2.9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F4A71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5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7BA2A7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FCEC2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0FC7FD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8.7)</w:t>
            </w:r>
          </w:p>
        </w:tc>
      </w:tr>
      <w:tr w:rsidR="005F7A87" w:rsidRPr="005F7A87" w14:paraId="1295857E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32D86B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5A581E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2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9753D3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5 (13.2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1BAD0D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4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6EA516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5.7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6417D9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97CB56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4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048AB5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5.9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EE281A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8.7)</w:t>
            </w:r>
          </w:p>
        </w:tc>
      </w:tr>
      <w:tr w:rsidR="005F7A87" w:rsidRPr="005F7A87" w14:paraId="57ACC0B2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2EFCBB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Leucocytes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A2501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3E8AC5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27B7A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EBE6BA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34863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C0CB2F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3B355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079B1F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16D85300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694B74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80577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8 (90.3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1A83E2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3 (86.8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655AC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7 (93.1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1583A6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2 (91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C4EDD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0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DE6017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4 (96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D3055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6 (94.1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980375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0 (87.0)</w:t>
            </w:r>
          </w:p>
        </w:tc>
      </w:tr>
      <w:tr w:rsidR="005F7A87" w:rsidRPr="005F7A87" w14:paraId="27F8AE93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F4D3EC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72C74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6.5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854F73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9D663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766B59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2.9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50BCB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663A88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45B8F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5D56E6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4.3)</w:t>
            </w:r>
          </w:p>
        </w:tc>
      </w:tr>
      <w:tr w:rsidR="005F7A87" w:rsidRPr="005F7A87" w14:paraId="60DE4433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4DF261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B5836D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2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23C105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5 (13.2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54BFC2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.4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F1430A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5.7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49AD55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2F6B18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4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D04B8B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5.9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92E50C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8.7)</w:t>
            </w:r>
          </w:p>
        </w:tc>
      </w:tr>
      <w:tr w:rsidR="005F7A87" w:rsidRPr="005F7A87" w14:paraId="1A7B6438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9EB4B2B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Blood results - n, median (IQR)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AF870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2DB687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6445A8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752B69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33371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6D43ED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7BE31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6C40ED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449F72DB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AC07EB4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 xml:space="preserve">Serum creatinine - </w:t>
            </w:r>
            <w:proofErr w:type="spellStart"/>
            <w:r w:rsidRPr="005F7A87">
              <w:rPr>
                <w:rFonts w:eastAsia="Times New Roman"/>
                <w:sz w:val="22"/>
                <w:szCs w:val="22"/>
              </w:rPr>
              <w:t>umol</w:t>
            </w:r>
            <w:proofErr w:type="spellEnd"/>
            <w:r w:rsidRPr="005F7A87">
              <w:rPr>
                <w:rFonts w:eastAsia="Times New Roman"/>
                <w:sz w:val="22"/>
                <w:szCs w:val="22"/>
              </w:rPr>
              <w:t>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5C9886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1, 74.0 (62.0-84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F817B3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8, 75.0 (60.0-88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56059C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9, 84.0 (75.0-99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C61D42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5, 77.0 (61.0-87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013DAD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0, 78.0 (73.5-95.5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4BF56D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5, 76.0 (67.0-85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B72CC0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7, 88.0 (73.0-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E08D9F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3, 75.0 (65.0-81.0)</w:t>
            </w:r>
          </w:p>
        </w:tc>
      </w:tr>
      <w:tr w:rsidR="005F7A87" w:rsidRPr="005F7A87" w14:paraId="45B59181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40608D0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Urea - mmol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68CD17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0, 5.0 (4.4-5.8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34C2A5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8, 5.3 (3.3-6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C00B48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8, 5.4 (4.3-6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21A7AF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4, 4.8 (4.4-5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CECC42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0, 4.7 (4.1-6.1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22DE54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3, 4.5 (3.9-5.5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5C0EDC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7, 5.3 (4.2-6.3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56E5B6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3, 5.0 (4.2-5.6)</w:t>
            </w:r>
          </w:p>
        </w:tc>
      </w:tr>
      <w:tr w:rsidR="005F7A87" w:rsidRPr="005F7A87" w14:paraId="2938C49A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19BCAD7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Corrected calcium - mmol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0C1972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1, 2.4 (2.3-2.5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DD0DFC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8, 2.4 (2.3-2.4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126A87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9, 2.4 (2.3-2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31ACEA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3, 2.4 (2.3-2.5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675BCB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0, 2.3 (2.3-2.4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DD4DA1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5, 2.3 (2.3-2.4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9BEC37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7, 2.4 (2.3-2.4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65DD81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2, 2.3 (2.3-2.4)</w:t>
            </w:r>
          </w:p>
        </w:tc>
      </w:tr>
      <w:tr w:rsidR="005F7A87" w:rsidRPr="005F7A87" w14:paraId="09B06BC8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1DB0949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Albumin - g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AFFF7F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1, 41.0 (40.0-44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8D9367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8, 42.0 (38.0-44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00A913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9, 41.0 (40.0-43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072216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4, 42.0 (38.0-44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5795E1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0, 40.5 (40.0-43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C1C609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5, 43.0 (40.0-45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7B35E5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7, 41.0 (40.0-44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736503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2, 44.0 (41.0-45.0)</w:t>
            </w:r>
          </w:p>
        </w:tc>
      </w:tr>
      <w:tr w:rsidR="005F7A87" w:rsidRPr="005F7A87" w14:paraId="52F5A517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0239FA9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eutrophils - 10^9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1B1059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1, 3.6 (2.4-5.2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F303A9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8, 4.6 (3.2-6.6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8455AD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9, 3.8 (2.9-5.5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7BA2DA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4, 5.3 (3.6-7.9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C75B01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0, 3.6 (2.7-6.8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9F12F1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5, 4.2 (3.4-7.5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4A8127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7, 3.7 (3.2-4.5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ED9574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3, 4.3 (3.5-6.7)</w:t>
            </w:r>
          </w:p>
        </w:tc>
      </w:tr>
      <w:tr w:rsidR="005F7A87" w:rsidRPr="005F7A87" w14:paraId="42048C1F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4CB57F2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WBC - 10^9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7F9AAA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1, 5.9 (4.3-8.2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0152E1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8, 7.5 (5.5-9.7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796561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9, 6.2 (4.6-7.5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D7278F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4, 8.8 (6.5-10.3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B9875A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0, 5.0 (4.5-8.1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2E739A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5, 6.6 (5.4-1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B9C74C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7, 5.8 (4.5-7.1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C396C8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3, 6.9 (6.2-9.2)</w:t>
            </w:r>
          </w:p>
        </w:tc>
      </w:tr>
      <w:tr w:rsidR="005F7A87" w:rsidRPr="005F7A87" w14:paraId="1E8D9F40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3805375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ALT - IU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D0E934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8, 17.0 (11.5-24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336157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7, 19.0 (13.0-27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CE15E6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7, 14.0 (10.0-22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CF0554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1, 19.0 (13.0-24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B04BBB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9, 15.0 (10.0-23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FA15DE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5, 20.0 (16.0-29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C9C304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7, 14.0 (9.0-18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EF4C09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3, 20.0 (16.0-25.0)</w:t>
            </w:r>
          </w:p>
        </w:tc>
      </w:tr>
      <w:tr w:rsidR="005F7A87" w:rsidRPr="005F7A87" w14:paraId="74D198A4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A2322C8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ALP - IU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0FA25E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9, 86.0 (76.0-99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78CE13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6, 94.0 (72.5-110.5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2A7D95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8, 87.0 (75.0-99.5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C4A7FF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1, 94.0 (79.0-121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11C86B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9, 88.0 (75.0-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E68223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4, 97.5 (78.0-118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BF5AA1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6, 92.5 (73.5-99.5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A8B15D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2, 96.0 (83.0-106.0)</w:t>
            </w:r>
          </w:p>
        </w:tc>
      </w:tr>
      <w:tr w:rsidR="005F7A87" w:rsidRPr="005F7A87" w14:paraId="6A2742BC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7D9CCFB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 xml:space="preserve">Serum bilirubin - </w:t>
            </w:r>
            <w:proofErr w:type="spellStart"/>
            <w:r w:rsidRPr="005F7A87">
              <w:rPr>
                <w:rFonts w:eastAsia="Times New Roman"/>
                <w:sz w:val="22"/>
                <w:szCs w:val="22"/>
              </w:rPr>
              <w:t>umol</w:t>
            </w:r>
            <w:proofErr w:type="spellEnd"/>
            <w:r w:rsidRPr="005F7A87">
              <w:rPr>
                <w:rFonts w:eastAsia="Times New Roman"/>
                <w:sz w:val="22"/>
                <w:szCs w:val="22"/>
              </w:rPr>
              <w:t>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999875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1, 6.0 (5.0-8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1E9B30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8, 6.0 (5.0-8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D85E3A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9, 8.0 (7.0-1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47AEB1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3, 7.0 (6.0-1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A99830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0, 8.0 (6.0-9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E44B42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4, 7.0 (6.0-9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CC02BB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7, 7.0 (6.0-1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35AB6E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3, 6.0 (6.0-8.0)</w:t>
            </w:r>
          </w:p>
        </w:tc>
      </w:tr>
      <w:tr w:rsidR="005F7A87" w:rsidRPr="005F7A87" w14:paraId="34094F9A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F381470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Potassium - mmol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5750D5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1, 4.4 (4.3-4.5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68D97C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6, 4.3 (4.0-4.6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1055B1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9, 4.4 (4.1-4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584E72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4, 4.4 (4.0-4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6A4ED4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0, 4.1 (3.9-4.6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02EBCE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5, 4.3 (4.1-4.5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C114E5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7, 4.4 (4.1-4.8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EF765C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3, 4.3 (4.1-4.7)</w:t>
            </w:r>
          </w:p>
        </w:tc>
      </w:tr>
      <w:tr w:rsidR="005F7A87" w:rsidRPr="005F7A87" w14:paraId="0C201E91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43F9086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Sodium - mmol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5984CC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1, 140.0 (139.0-142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EC56D6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7, 138.0 (137.0-141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7036B8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9, 140.0 (139.0-141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940E2C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4, 139.0 (137.0-14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949944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0, 139.0 (137.0-140.5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6C9943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5, 139.0 (138.0-14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E4920C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7, 141.0 (138.0-143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67B881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3, 139.0 (137.0-140.0)</w:t>
            </w:r>
          </w:p>
        </w:tc>
      </w:tr>
      <w:tr w:rsidR="005F7A87" w:rsidRPr="005F7A87" w14:paraId="0FAC6B85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7415619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Platelets - 10^9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090EA7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1, 289.0 (218.0-373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2802BA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8, 307.5 (242.0-375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A177DA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9, 257.0 (208.0-312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23B932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3, 269.0 (227.0-326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2884CA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0, 238.0 (186.0-289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1F2741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5, 241.0 (208.0-306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D5BC49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7, 239.0 (198.0-293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49267F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3, 253.0 (218.0-338.0)</w:t>
            </w:r>
          </w:p>
        </w:tc>
      </w:tr>
      <w:tr w:rsidR="005F7A87" w:rsidRPr="005F7A87" w14:paraId="6C4DAF91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4A58489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Haemoglobin - g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CDA76F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1, 112.0 (103.0-121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41239C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8, 117.0 (107.0-126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A4001B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9, 116.0 (109.0-123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48E31E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3, 127.0 (117.0-133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E1C564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0, 112.5 (105.5-123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02613C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5, 131.0 (120.0-143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FD2293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7, 120.0 (111.0-127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C83EDF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3, 132.0 (122.0-144.0)</w:t>
            </w:r>
          </w:p>
        </w:tc>
      </w:tr>
      <w:tr w:rsidR="005F7A87" w:rsidRPr="005F7A87" w14:paraId="5FD483D9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B553167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RBC - 10^12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E5533A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1, 3.6 (3.3-3.9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5AA810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8, 3.7 (3.4-4.1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924C5B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9, 3.5 (3.4-3.8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2C1746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3, 3.9 (3.7-4.2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29BE12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0, 3.5 (3.1-3.7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11A269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5, 4.0 (3.9-4.4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3470B8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7, 3.6 (3.2-3.8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7930FD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3, 4.5 (4.0-4.7)</w:t>
            </w:r>
          </w:p>
        </w:tc>
      </w:tr>
      <w:tr w:rsidR="005F7A87" w:rsidRPr="005F7A87" w14:paraId="737F2376" w14:textId="77777777" w:rsidTr="005F7A87">
        <w:trPr>
          <w:trHeight w:val="510"/>
        </w:trPr>
        <w:tc>
          <w:tcPr>
            <w:tcW w:w="3539" w:type="dxa"/>
            <w:tcBorders>
              <w:top w:val="nil"/>
              <w:left w:val="single" w:sz="8" w:space="0" w:color="auto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6D311B1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AST - IU/L</w:t>
            </w:r>
          </w:p>
        </w:tc>
        <w:tc>
          <w:tcPr>
            <w:tcW w:w="119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1A5AA8C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3, 20.0 (18.0-25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30A200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5, 22.0 (18.0-25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567B93C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9, 19.0 (15.0-2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DE1B81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4, 20.5 (17.5-24.5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3761744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1, 19.0 (16.0-23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0B57FD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9, 23.0 (16.0-27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3DF509C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1, 17.0 (15.0-19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C841DF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22.0 (13.0-26.0)</w:t>
            </w:r>
          </w:p>
        </w:tc>
      </w:tr>
    </w:tbl>
    <w:p w14:paraId="395FB2E6" w14:textId="77777777" w:rsidR="005F7A87" w:rsidRDefault="005F7A87">
      <w:r>
        <w:br w:type="page"/>
      </w:r>
    </w:p>
    <w:tbl>
      <w:tblPr>
        <w:tblW w:w="13060" w:type="dxa"/>
        <w:tblInd w:w="10" w:type="dxa"/>
        <w:tblLook w:val="04A0" w:firstRow="1" w:lastRow="0" w:firstColumn="1" w:lastColumn="0" w:noHBand="0" w:noVBand="1"/>
      </w:tblPr>
      <w:tblGrid>
        <w:gridCol w:w="3539"/>
        <w:gridCol w:w="1192"/>
        <w:gridCol w:w="1191"/>
        <w:gridCol w:w="1189"/>
        <w:gridCol w:w="1191"/>
        <w:gridCol w:w="1191"/>
        <w:gridCol w:w="1189"/>
        <w:gridCol w:w="1189"/>
        <w:gridCol w:w="1189"/>
      </w:tblGrid>
      <w:tr w:rsidR="005F7A87" w:rsidRPr="005F7A87" w14:paraId="67A1C5AA" w14:textId="77777777" w:rsidTr="005F7A87">
        <w:trPr>
          <w:trHeight w:val="315"/>
        </w:trPr>
        <w:tc>
          <w:tcPr>
            <w:tcW w:w="353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F805AAE" w14:textId="3BAEBB99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A23A5F2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4A1FB93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53CF4E4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E8BBB66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1A11976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C5AA2CC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C2471A2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D2821B3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1A4FE21F" w14:textId="77777777" w:rsidTr="005F7A87">
        <w:trPr>
          <w:trHeight w:val="300"/>
        </w:trPr>
        <w:tc>
          <w:tcPr>
            <w:tcW w:w="3539" w:type="dxa"/>
            <w:vMerge w:val="restart"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4428EB57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 </w:t>
            </w:r>
          </w:p>
        </w:tc>
        <w:tc>
          <w:tcPr>
            <w:tcW w:w="2383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70D9479D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5</w:t>
            </w:r>
          </w:p>
        </w:tc>
        <w:tc>
          <w:tcPr>
            <w:tcW w:w="238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5A9D3829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6</w:t>
            </w:r>
          </w:p>
        </w:tc>
        <w:tc>
          <w:tcPr>
            <w:tcW w:w="238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5C806CE9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7</w:t>
            </w:r>
          </w:p>
        </w:tc>
        <w:tc>
          <w:tcPr>
            <w:tcW w:w="2378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45DF15B0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8</w:t>
            </w:r>
          </w:p>
        </w:tc>
      </w:tr>
      <w:tr w:rsidR="005F7A87" w:rsidRPr="005F7A87" w14:paraId="796BD1D6" w14:textId="77777777" w:rsidTr="005F7A87">
        <w:trPr>
          <w:trHeight w:val="300"/>
        </w:trPr>
        <w:tc>
          <w:tcPr>
            <w:tcW w:w="3539" w:type="dxa"/>
            <w:vMerge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05A2894B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79C768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5E3AD5C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A7E6E53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F5B4011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B5A4D0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580BB32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9A3BEA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5F9562C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</w:tr>
      <w:tr w:rsidR="005F7A87" w:rsidRPr="005F7A87" w14:paraId="2C4B56B8" w14:textId="77777777" w:rsidTr="005F7A87">
        <w:trPr>
          <w:trHeight w:val="300"/>
        </w:trPr>
        <w:tc>
          <w:tcPr>
            <w:tcW w:w="3539" w:type="dxa"/>
            <w:vMerge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385E08B0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1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A800ADA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3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D2D0889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5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3AD6A93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1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EDE7E84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3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8A86433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6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F18AEA1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7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0F00F82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6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48FD0D5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6</w:t>
            </w:r>
          </w:p>
        </w:tc>
      </w:tr>
      <w:tr w:rsidR="005F7A87" w:rsidRPr="005F7A87" w14:paraId="3DFCAB22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14A946D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URINALYSIS</w:t>
            </w:r>
          </w:p>
        </w:tc>
        <w:tc>
          <w:tcPr>
            <w:tcW w:w="11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52D13A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D57E9C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0AF3CC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DBC33F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822DDC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CA3F58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90F707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05A946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3DDA6925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13DFE29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H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4C375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0F3291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7D460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FF55EF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49792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4B8DEC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4822F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172029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4D3A6477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0087E1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69C1F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E430B0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4 (93.3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D0BE84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8 (72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CDA137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2 (92.3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291D1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54CB31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7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A7EA59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4 (66.7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7A3427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 (100.0)</w:t>
            </w:r>
          </w:p>
        </w:tc>
      </w:tr>
      <w:tr w:rsidR="005F7A87" w:rsidRPr="005F7A87" w14:paraId="08076D28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2D05C4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43168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EC5241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6.7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05A23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9.1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F2E57A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7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E66D6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5FEDA8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1196E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6D5ED8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F7A87" w:rsidRPr="005F7A87" w14:paraId="512ABA1B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F341B8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22CED6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09DA10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A36697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8.2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47A079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881757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983E87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478EFD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33.3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E96258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F7A87" w:rsidRPr="005F7A87" w14:paraId="1D873CD0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3286A1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H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63D31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0A6C67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19AA2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8A0EB2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6AB69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8EBED9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0683D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AFB80C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4AC8F9A4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34C32A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3006A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C7C6A8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5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0F441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9 (81.8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0B3DCA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2 (92.3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25CD2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83B8DF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7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C1CC7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4 (66.7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8CDD09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 (100.0)</w:t>
            </w:r>
          </w:p>
        </w:tc>
      </w:tr>
      <w:tr w:rsidR="005F7A87" w:rsidRPr="005F7A87" w14:paraId="552A646E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1DE3EB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BD71F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2C997B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CD83B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944086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7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04603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CEB17C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FC47A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65565A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F7A87" w:rsidRPr="005F7A87" w14:paraId="141693AE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5BC4D9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99BA07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2678A5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933CDC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8.2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36B1E4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F75240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BF39D5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BE733E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33.3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FBEC19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F7A87" w:rsidRPr="005F7A87" w14:paraId="5FB6B87F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2C466A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Glucose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961FE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C53DBF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2B02F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51D0B2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641C01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372316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DE257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B50396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2E8248AE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D0D40C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63D07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2 (92.3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542164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5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5CF3C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9 (81.8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00151F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B34D4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2A9362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7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8F39D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5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1AA54C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 (100.0)</w:t>
            </w:r>
          </w:p>
        </w:tc>
      </w:tr>
      <w:tr w:rsidR="005F7A87" w:rsidRPr="005F7A87" w14:paraId="1E74EBC3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2B09A9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1E790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7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116CDB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DE2E0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098D93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D2444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7918F0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293E2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742885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F7A87" w:rsidRPr="005F7A87" w14:paraId="768A4D44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856B3D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76FBD0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4B2B1E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65F728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8.2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6BAC60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64B813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9A8D4D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CF9852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5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B77307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F7A87" w:rsidRPr="005F7A87" w14:paraId="49FD809F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C33153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Glucose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480E4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8596EF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0224F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F51C70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4DAF4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249750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1A952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1D8172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5673FF22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3C2FDA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047AB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BE5758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5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D9D5B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9 (81.8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BE7BC7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371BC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13120E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7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C8B4B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5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2CA503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 (100.0)</w:t>
            </w:r>
          </w:p>
        </w:tc>
      </w:tr>
      <w:tr w:rsidR="005F7A87" w:rsidRPr="005F7A87" w14:paraId="1407D6CA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0F9B2F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C1402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0C5F49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457DC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5F7203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9BF7F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E84564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EDFD5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61BD00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F7A87" w:rsidRPr="005F7A87" w14:paraId="4B732FE5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C7B2BE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720CEB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0A6CBA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9DE72B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8.2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5E4D70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7196ED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5BD5B3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C61EAA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5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37505F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F7A87" w:rsidRPr="005F7A87" w14:paraId="7B439351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01497F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Blood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6D56C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EA7726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DDA0C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96DE2A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9E3F1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CE76EA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8D154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076DE8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5937F2CA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77860E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5EBC3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1 (84.6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B66C6B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 (86.7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E1702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9 (81.8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398921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2 (92.3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2A256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EE8884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7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BFD7D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5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FC73B3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 (100.0)</w:t>
            </w:r>
          </w:p>
        </w:tc>
      </w:tr>
      <w:tr w:rsidR="005F7A87" w:rsidRPr="005F7A87" w14:paraId="7C1AEED1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6A1D9A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FE7E3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5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D3C61E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3.3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8428D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920999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7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B1715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C5568D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A3412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907D24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F7A87" w:rsidRPr="005F7A87" w14:paraId="3391AE4B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48BFE3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1F639F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E1A6BA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6A1DFD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8.2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B14BE4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5D38F3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02A156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98339B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5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A4A685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F7A87" w:rsidRPr="005F7A87" w14:paraId="2F7EB5C1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D8412B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Blood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490B3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A408C9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5EFCA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C0FBDE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F43C7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EBFEE3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22265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D25D58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2D7169C1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0F68AF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2FC49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8948AA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4 (93.3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96EC7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9 (81.8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9F9C6D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2 (92.3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4D7EB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E0237A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7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61EA67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5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0E5DD8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 (100.0)</w:t>
            </w:r>
          </w:p>
        </w:tc>
      </w:tr>
      <w:tr w:rsidR="005F7A87" w:rsidRPr="005F7A87" w14:paraId="6317477D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F2CA6E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74CDC7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AB1A5E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6.7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367A5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1012DC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7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453B8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C08770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CB96C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C64D39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F7A87" w:rsidRPr="005F7A87" w14:paraId="2BD953ED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1E6041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B5F48E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17D5F2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1B71CD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8.2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8DAA2F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6AA104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53E6E7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721D2A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5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79B4CA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F7A87" w:rsidRPr="005F7A87" w14:paraId="77CCC5B4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758516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rotein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7F7C9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3DBF11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BCF4C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706F53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FB370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07B93E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E72A1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2468E4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0FB3537E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C98607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2762E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8 (61.5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50B1AA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2 (8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0967F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7 (63.6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1E6EBB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1 (84.6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ECA12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5 (83.3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AEFCD7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7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AABFE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5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D8FC63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 (100.0)</w:t>
            </w:r>
          </w:p>
        </w:tc>
      </w:tr>
      <w:tr w:rsidR="005F7A87" w:rsidRPr="005F7A87" w14:paraId="0A516F6B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D96CED4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8994D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5 (38.5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220302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3.3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E45AE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8.2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E7F363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5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50AD7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6.7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F1B3F8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61696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B1546F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F7A87" w:rsidRPr="005F7A87" w14:paraId="7A3D16A3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2C19FC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3EDC8A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4370B3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6.7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EB68D2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8.2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C511BC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EA2A31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0586DD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B7BD1C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5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82BFAB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F7A87" w:rsidRPr="005F7A87" w14:paraId="7D755424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9A7037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rotein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CFB15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1D33BC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A8638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A0035D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1F8C7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65BC27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40FD6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D46BAB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4610D78A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29F798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0C484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2 (92.3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43D9F4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 (86.7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13B4A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9 (81.8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E06CA1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2 (92.3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843A5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5 (83.3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CBDD3F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7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7ABBA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5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47E8DC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 (100.0)</w:t>
            </w:r>
          </w:p>
        </w:tc>
      </w:tr>
      <w:tr w:rsidR="005F7A87" w:rsidRPr="005F7A87" w14:paraId="7CFC97AE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29AC57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C54BF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7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8000BB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6.7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CE1BC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20DB41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7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C35CD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6.7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BCD15D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CCD23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DA98FC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F7A87" w:rsidRPr="005F7A87" w14:paraId="421A3C99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53F3BD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CBA412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0621E1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6.7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F28D15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8.2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BF4310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209B06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8C08D7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DFF335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5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261843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F7A87" w:rsidRPr="005F7A87" w14:paraId="06FFA2DB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9394C6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Leucocytes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BF259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3117AB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9D205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6EF42A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DD340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8228FD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F59E7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9CD609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1AAB87E3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175F43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AE4D8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2 (92.3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0E20D9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4 (93.3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310F6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9 (81.8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4280A2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0 (76.9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1A550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03DE09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7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DDC6E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5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724D27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5 (83.3)</w:t>
            </w:r>
          </w:p>
        </w:tc>
      </w:tr>
      <w:tr w:rsidR="005F7A87" w:rsidRPr="005F7A87" w14:paraId="729D335B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88C2B7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6A2C99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7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E1D4B6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6.7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E361B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227E65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23.1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BCA16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288A15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A19A6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8AD7CE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6.7)</w:t>
            </w:r>
          </w:p>
        </w:tc>
      </w:tr>
      <w:tr w:rsidR="005F7A87" w:rsidRPr="005F7A87" w14:paraId="2D2B3033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C825EB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063659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03D14B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24FA50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8.2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47B579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ADB664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DEFEE1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88DAD9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5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E494D6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F7A87" w:rsidRPr="005F7A87" w14:paraId="1125133F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E4EED0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Leucocytes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AA9D0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D57960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2334A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5A7C7A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A33B7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12D305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DA4CAA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5FF607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06F15E0F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601314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C8D32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958BCA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4 (93.3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49614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9 (81.8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626A7A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2 (92.3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F9B17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D1A043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7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21621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5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DBDD71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 (100.0)</w:t>
            </w:r>
          </w:p>
        </w:tc>
      </w:tr>
      <w:tr w:rsidR="005F7A87" w:rsidRPr="005F7A87" w14:paraId="0338C56A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B20A9C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D4E067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55B16E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6.7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8AE97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62A9D7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7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E7E38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A10913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9F459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13D998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F7A87" w:rsidRPr="005F7A87" w14:paraId="5CEDA418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FA2B68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F5FFB9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043B34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041D2C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8.2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84025A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FF0B60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08434A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AE421F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5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CF8B96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F7A87" w:rsidRPr="005F7A87" w14:paraId="625F4E02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3BD1A57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Blood results - n, median (IQR)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A84B7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B64794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8DC9E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2884BD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D30AB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84E04F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222BD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DF886F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1EE1EEDC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D40821B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 xml:space="preserve">Serum creatinine - </w:t>
            </w:r>
            <w:proofErr w:type="spellStart"/>
            <w:r w:rsidRPr="005F7A87">
              <w:rPr>
                <w:rFonts w:eastAsia="Times New Roman"/>
                <w:sz w:val="22"/>
                <w:szCs w:val="22"/>
              </w:rPr>
              <w:t>umol</w:t>
            </w:r>
            <w:proofErr w:type="spellEnd"/>
            <w:r w:rsidRPr="005F7A87">
              <w:rPr>
                <w:rFonts w:eastAsia="Times New Roman"/>
                <w:sz w:val="22"/>
                <w:szCs w:val="22"/>
              </w:rPr>
              <w:t>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ECC4EC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77.0 (68.0-89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EF703A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5, 77.0 (66.0-91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553217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1, 81.0 (66.0-103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136998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70.0 (58.0-82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6ACDA1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77.0 (68.0-85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036619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7, 63.0 (56.0-89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14BC10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76.0 (68.0-83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2388F6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69.5 (61.0-76.0)</w:t>
            </w:r>
          </w:p>
        </w:tc>
      </w:tr>
      <w:tr w:rsidR="005F7A87" w:rsidRPr="005F7A87" w14:paraId="143F57EF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C95273E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Urea - mmol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10F4DA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2, 5.0 (4.5-5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322576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4, 4.9 (3.8-5.5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781026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1, 5.3 (4.4-6.5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B463BC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4.8 (4.1-5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06F2B3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5.4 (4.2-6.2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3D9972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7, 4.9 (3.6-5.3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D877EA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5.3 (3.8-6.3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2132A0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5.1 (4.9-5.9)</w:t>
            </w:r>
          </w:p>
        </w:tc>
      </w:tr>
      <w:tr w:rsidR="005F7A87" w:rsidRPr="005F7A87" w14:paraId="197A81E5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D1D310E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Corrected calcium - mmol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3EFDFF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2.4 (2.3-2.5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471016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5, 2.3 (2.2-2.5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E50402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0, 2.4 (2.3-2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7BA3A0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2, 2.3 (2.3-2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E506C1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2.4 (2.3-2.4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E508B5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2.3 (2.3-2.3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2FF987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2.4 (2.4-2.4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28A2A0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2.3 (2.3-2.3)</w:t>
            </w:r>
          </w:p>
        </w:tc>
      </w:tr>
      <w:tr w:rsidR="005F7A87" w:rsidRPr="005F7A87" w14:paraId="5C8A292A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BD5E8A4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Albumin - g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84A82C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41.0 (40.0-43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D8772F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5, 43.0 (36.0-46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0525EC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1, 42.0 (39.0-44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30B959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2, 43.5 (39.0-44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E77C29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43.0 (40.0-45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371D04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41.5 (31.0-44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051476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41.5 (39.0-44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92E33E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43.5 (33.0-45.0)</w:t>
            </w:r>
          </w:p>
        </w:tc>
      </w:tr>
      <w:tr w:rsidR="005F7A87" w:rsidRPr="005F7A87" w14:paraId="6AC897D4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B5A20F3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eutrophils - 10^9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BAEEB5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3.7 (3.1-4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086182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5, 4.0 (3.8-5.5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35983E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1, 3.5 (2.9-5.3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C2733A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3.9 (3.4-5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6F5609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3.0 (2.6-4.6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E8843C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7, 3.9 (3.2-5.9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C9DBE0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3.6 (3.4-4.6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A8EFE8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3.6 (3.1-4.2)</w:t>
            </w:r>
          </w:p>
        </w:tc>
      </w:tr>
      <w:tr w:rsidR="005F7A87" w:rsidRPr="005F7A87" w14:paraId="224CC783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C757EBA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WBC - 10^9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28B6FD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5.7 (4.8-6.9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A4DCBB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5, 7.2 (5.9-8.3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58D121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1, 6.1 (4.6-7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FFA967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6.3 (5.3-9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B6B95A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4.5 (4.2-7.6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959A8A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7, 7.3 (5.0-9.3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FA8A95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5.4 (4.7-7.3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476880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6.3 (5.5-7.0)</w:t>
            </w:r>
          </w:p>
        </w:tc>
      </w:tr>
      <w:tr w:rsidR="005F7A87" w:rsidRPr="005F7A87" w14:paraId="188DF14F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68EC00F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ALT - IU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D6AE6A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2, 11.5 (9.0-21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91E669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5, 22.0 (18.0-26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E534A6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1, 13.0 (10.0-22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C59780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21.0 (18.0-24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F5E89F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16.0 (11.0-2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8E0D36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17.0 (12.0-21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419FE9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15.5 (15.0-19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449A6B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15.5 (13.0-32.0)</w:t>
            </w:r>
          </w:p>
        </w:tc>
      </w:tr>
      <w:tr w:rsidR="005F7A87" w:rsidRPr="005F7A87" w14:paraId="7DA0C251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86F1EF8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ALP - IU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A03DD9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87.0 (82.0-102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157FCD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4, 96.0 (81.0-127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78B6CA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1, 90.0 (68.0-106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AD3B3A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99.0 (84.0-128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6A1195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74.5 (72.0-87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D55780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102.5 (83.0-155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2EB8CB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69.0 (65.0-88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18104C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92.5 (73.0-159.0)</w:t>
            </w:r>
          </w:p>
        </w:tc>
      </w:tr>
      <w:tr w:rsidR="005F7A87" w:rsidRPr="005F7A87" w14:paraId="4341EDDE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B4BAC04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 xml:space="preserve">Serum bilirubin - </w:t>
            </w:r>
            <w:proofErr w:type="spellStart"/>
            <w:r w:rsidRPr="005F7A87">
              <w:rPr>
                <w:rFonts w:eastAsia="Times New Roman"/>
                <w:sz w:val="22"/>
                <w:szCs w:val="22"/>
              </w:rPr>
              <w:t>umol</w:t>
            </w:r>
            <w:proofErr w:type="spellEnd"/>
            <w:r w:rsidRPr="005F7A87">
              <w:rPr>
                <w:rFonts w:eastAsia="Times New Roman"/>
                <w:sz w:val="22"/>
                <w:szCs w:val="22"/>
              </w:rPr>
              <w:t>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112E26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7.0 (6.0-11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C84782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5, 7.0 (6.0-8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102A89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1, 7.0 (6.0-11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E099D3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8.0 (7.0-1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1E0247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7.5 (5.0-9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EE39D9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8.0 (6.0-1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D221BE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6.0 (5.0-1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09445A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8.0 (8.0-10.0)</w:t>
            </w:r>
          </w:p>
        </w:tc>
      </w:tr>
      <w:tr w:rsidR="005F7A87" w:rsidRPr="005F7A87" w14:paraId="7898E60F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34F2654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Potassium - mmol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E7E45B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4.4 (4.3-4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D44AE0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5, 4.4 (4.2-4.6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ED63A9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1, 4.3 (4.1-4.8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B933F5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4.1 (3.9-4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AF1261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4.7 (4.2-4.7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04F69E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7, 4.2 (3.9-4.4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19F383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4.4 (4.3-4.4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43D23F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4.3 (3.8-4.6)</w:t>
            </w:r>
          </w:p>
        </w:tc>
      </w:tr>
      <w:tr w:rsidR="005F7A87" w:rsidRPr="005F7A87" w14:paraId="6EF63A1E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CBEC3EA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Sodium - mmol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D6EA23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139.0 (138.0-141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8526A1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5, 139.0 (137.0-14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CBC676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1, 139.0 (136.0-141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2D7575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138.0 (138.0-139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A3EBA0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140.5 (139.0-141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372E64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7, 139.0 (136.0-141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9F8D57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141.0 (139.0-143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A21D50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138.0 (137.0-138.0)</w:t>
            </w:r>
          </w:p>
        </w:tc>
      </w:tr>
      <w:tr w:rsidR="005F7A87" w:rsidRPr="005F7A87" w14:paraId="65257808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7208329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Platelets - 10^9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554BC3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230.0 (208.0-264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EC69C9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5, 256.0 (219.0-356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471652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1, 227.0 (204.0-269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D427A6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231.0 (210.0-31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A5DED2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274.0 (229.0-284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05EB13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7, 241.0 (227.0-336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BC0E3C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263.0 (252.0-27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1EFBCA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257.0 (241.0-284.0)</w:t>
            </w:r>
          </w:p>
        </w:tc>
      </w:tr>
      <w:tr w:rsidR="005F7A87" w:rsidRPr="005F7A87" w14:paraId="492A1368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97AC68A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Haemoglobin - g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61F81B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121.0 (114.0-126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1C0EED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5, 133.0 (120.0-137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196F33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1, 119.0 (107.0-131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6FD414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133.0 (127.0-14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CBEE2E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120.0 (113.0-13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2141C5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7, 131.0 (120.0-141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88FF1F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125.0 (111.0-134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5423CF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130.5 (119.0-135.0)</w:t>
            </w:r>
          </w:p>
        </w:tc>
      </w:tr>
      <w:tr w:rsidR="005F7A87" w:rsidRPr="005F7A87" w14:paraId="64839374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E375109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RBC - 10^12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B2CBD1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3.6 (3.2-3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E5F91F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5, 4.4 (4.2-4.8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36EC24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1, 3.4 (3.0-3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B204E6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, 4.4 (4.2-4.6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16C7DC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3.5 (3.4-3.7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A21927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7, 4.3 (4.1-4.6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4FC6C9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3.5 (3.5-3.9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2DDDD6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4.5 (4.2-4.7)</w:t>
            </w:r>
          </w:p>
        </w:tc>
      </w:tr>
      <w:tr w:rsidR="005F7A87" w:rsidRPr="005F7A87" w14:paraId="3B3AC0EA" w14:textId="77777777" w:rsidTr="005F7A87">
        <w:trPr>
          <w:trHeight w:val="510"/>
        </w:trPr>
        <w:tc>
          <w:tcPr>
            <w:tcW w:w="3539" w:type="dxa"/>
            <w:tcBorders>
              <w:top w:val="nil"/>
              <w:left w:val="single" w:sz="8" w:space="0" w:color="auto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6BCBD95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AST - IU/L</w:t>
            </w:r>
          </w:p>
        </w:tc>
        <w:tc>
          <w:tcPr>
            <w:tcW w:w="119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31C1BAF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8, 18.0 (15.0-2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02DAA2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1, 22.0 (16.0-25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22E4BA7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7, 19.0 (12.0-22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BD302A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0, 23.0 (20.0-29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291AD30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5, 18.0 (18.0-2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51EC37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6, 17.5 (16.0-24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083E1CE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4, 14.0 (11.5-23.5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1E78DE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5, 16.0 (15.0-17.0)</w:t>
            </w:r>
          </w:p>
        </w:tc>
      </w:tr>
    </w:tbl>
    <w:p w14:paraId="034F12D0" w14:textId="17D98400" w:rsidR="005F7A87" w:rsidRDefault="005F7A87"/>
    <w:tbl>
      <w:tblPr>
        <w:tblW w:w="13060" w:type="dxa"/>
        <w:tblInd w:w="10" w:type="dxa"/>
        <w:tblLook w:val="04A0" w:firstRow="1" w:lastRow="0" w:firstColumn="1" w:lastColumn="0" w:noHBand="0" w:noVBand="1"/>
      </w:tblPr>
      <w:tblGrid>
        <w:gridCol w:w="3539"/>
        <w:gridCol w:w="1192"/>
        <w:gridCol w:w="1191"/>
        <w:gridCol w:w="1189"/>
        <w:gridCol w:w="1191"/>
        <w:gridCol w:w="1191"/>
        <w:gridCol w:w="1189"/>
        <w:gridCol w:w="1189"/>
        <w:gridCol w:w="1189"/>
      </w:tblGrid>
      <w:tr w:rsidR="005F7A87" w:rsidRPr="005F7A87" w14:paraId="490B03BF" w14:textId="77777777" w:rsidTr="005F7A87">
        <w:trPr>
          <w:trHeight w:val="315"/>
        </w:trPr>
        <w:tc>
          <w:tcPr>
            <w:tcW w:w="353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807921F" w14:textId="275F04FD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57D832F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B1E6656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848B6E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89E7917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2983CC6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5605478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B953F95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7B5159E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3DD2FAFC" w14:textId="77777777" w:rsidTr="005F7A87">
        <w:trPr>
          <w:trHeight w:val="300"/>
        </w:trPr>
        <w:tc>
          <w:tcPr>
            <w:tcW w:w="3539" w:type="dxa"/>
            <w:vMerge w:val="restart"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469B9CD0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 </w:t>
            </w:r>
          </w:p>
        </w:tc>
        <w:tc>
          <w:tcPr>
            <w:tcW w:w="2383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5ADBBD04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9</w:t>
            </w:r>
          </w:p>
        </w:tc>
        <w:tc>
          <w:tcPr>
            <w:tcW w:w="238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3AEF1A0C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0</w:t>
            </w:r>
          </w:p>
        </w:tc>
        <w:tc>
          <w:tcPr>
            <w:tcW w:w="238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01C6FECD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1</w:t>
            </w:r>
          </w:p>
        </w:tc>
        <w:tc>
          <w:tcPr>
            <w:tcW w:w="2378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4A29BA0A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2</w:t>
            </w:r>
          </w:p>
        </w:tc>
      </w:tr>
      <w:tr w:rsidR="005F7A87" w:rsidRPr="005F7A87" w14:paraId="38032B98" w14:textId="77777777" w:rsidTr="005F7A87">
        <w:trPr>
          <w:trHeight w:val="300"/>
        </w:trPr>
        <w:tc>
          <w:tcPr>
            <w:tcW w:w="3539" w:type="dxa"/>
            <w:vMerge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61F36EDC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F0DB8B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D23335E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A768F1D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15D3004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07D32F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A3D81B9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4A67346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0A0E879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</w:tr>
      <w:tr w:rsidR="005F7A87" w:rsidRPr="005F7A87" w14:paraId="69407483" w14:textId="77777777" w:rsidTr="005F7A87">
        <w:trPr>
          <w:trHeight w:val="300"/>
        </w:trPr>
        <w:tc>
          <w:tcPr>
            <w:tcW w:w="3539" w:type="dxa"/>
            <w:vMerge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6CAC448D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1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7CED4D4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3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4C78961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5EE2934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CAF7700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274FCF0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D185709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9CFB190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FDBAB1E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</w:tr>
      <w:tr w:rsidR="005F7A87" w:rsidRPr="005F7A87" w14:paraId="3A82863E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8C2C4E4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URINALYSIS</w:t>
            </w:r>
          </w:p>
        </w:tc>
        <w:tc>
          <w:tcPr>
            <w:tcW w:w="11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3084FF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0F0C19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F3EEE2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C425E0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91D032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90E271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EFE5B0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EF6BB7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31CAE28B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64D356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H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0C69C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E42C17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05120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7927E6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08DF3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166E1C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F0184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FE07A9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06C3046B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61CE7B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3B124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33A416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ED05F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C0B530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7D6CF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BCB154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FB354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838D15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69830390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28D373F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8D0C1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41645B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7C9EF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8EC749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421B3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D1B4D7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77E6C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1DD7FF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519F04F7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2CAD89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70A552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270D69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DE42AA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545286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92CBCA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44F4C4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12F382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B8A3EF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35F54707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8E5EA5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H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D1B91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4B7207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6659E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1934AA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A4E0A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24B790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6DEB6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7EC0E8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3DA800E0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B29B35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7F8F48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66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4CABD2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C8868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7DC887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6CC86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251D89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EF436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DF93D0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7B555A65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367374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F8206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A00D60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D1FC1F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661823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CC5AB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BC0A18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02893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45711D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27C5FE21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79D259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0876B5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3.3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62D954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DC40F1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582F65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C302D9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F50A04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32117F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7A1083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734144CC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B2F607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Glucose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9553A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0B79AF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C0D97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76354B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B5C9F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1111E1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BCDFC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0E2AE3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614FB30B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F92C63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28A98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DFD936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0C1EE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00A208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8F36D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436738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FAAAB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674939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3C533E01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949200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B1DE2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9A40A9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37BBF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633D76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DDAE22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123EA2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DAEC8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EAFE0E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29C54E58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7E8899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14B466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FD98C3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7E4812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43C96E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37609E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267225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99E00C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D90DEE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4D7C8B4F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15B3F71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Glucose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9D91B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BECE8A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AA57B2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971402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B72DF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66AA0F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ACF31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CF7E79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5B6D4C67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F92E7D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79549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66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8AFF7C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C0967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458DD3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2AA71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F584A9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3134C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FC3890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6F0AEDCD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18EA5B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E35DD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E94684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7093A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FDE3CA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CA70D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056F62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2D925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654674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5E0D6D6C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151CE99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A6F74F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3.3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0E6CFB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1BC85B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862814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606DC7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0454A6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D44249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A3C802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76A88FAD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2BC1D8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Blood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B84DB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28B367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B413F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46DF9A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0FDBE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D7505E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6FB9C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23782F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0ECC54F9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9CDE67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0CE75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612D65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B6494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B26426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CE049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B93F8C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BB491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9F0327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2AC67378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E49D36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7008C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50D337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7C94D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4675E9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A58AB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5C6AA7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85EB2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99BD85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662A4651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48867B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B5BE5E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F8F211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0F4365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3D62F3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ADDB85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6F5519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C472CD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18F6BE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1EB78900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D87860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Blood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8EEAB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2D05C3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6E274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2E5E0A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7E93FC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A40F44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E86E6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7E170F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70C2079E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20F93C1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AA402E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66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110C6D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AA06C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4D372F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EEF143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4E6BC8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DB2BE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D304B3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3619D631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AB30CF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7C4B2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35B8B0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F17B6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0184C4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321CA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082E23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2CB82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6A0E91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488B03F6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3AE54D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67B8A1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3.3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C6DB3B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794CDD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2A8D6D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245EE7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FDAEDB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CDEDAE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C7FA93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1321C497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23C6B7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rotein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8B25D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838386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D9565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FD2DA1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04A58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84E0BE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2C303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B42221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745B0DED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17F833D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DA7F5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66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054380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F6FF7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5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3B39A0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27D20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EB25E0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CEA89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2272FA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5A00923F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322027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08571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3.3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5025F9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1A8B2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5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059732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A4193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C67BEE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1363B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9E3FA2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32A23B2E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F750D4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4E4BBF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60BE29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100E8B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AEB915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A34661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73C668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336266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F6C23B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1904F0B7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C5338C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rotein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57418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A7A80D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AD57A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D08673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66BFEF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820679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324E3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AEE74D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53ABF63B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D934E15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275EE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C70DE0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1033E3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4758A6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4AAE5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80FFAA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10B76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458F49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56BF1887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122A2D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E8B3A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041B79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2CB0C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185F65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47543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A76DD8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1D878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0E5B0D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0BFDE729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1CD1C0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8A7A35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233274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F77092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4A679F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1A1513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4B69BE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C88BC3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4A9AA7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2EB6B2E6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99C565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Leucocytes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3681B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A1A408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29B9E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7CEBF3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18AA66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F1F90B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FEC21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06A07B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5BB3097E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F9FD0B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6D608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51C99C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43F10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A82B14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D79D7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4C0288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DED41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17AB65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0E2F0328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7FFC57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008B8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2F629B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AC141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C8CC8A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FA448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F248A3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D68A1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C7D4E3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415C9936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98C137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B3930D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C13D4D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FD8238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1D8B8F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23C559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FAC396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D22089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DAF83B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272BDCE3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6E7A05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Leucocytes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4BDDA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682D5E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54423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F7D7FF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A2F8D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331A00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D52EC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A70099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61C4DD24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C5C8CE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6B5669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66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82DB44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6ADB1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A6306F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104D1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06A26C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35E556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4FFBB6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0C373C71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64AAE8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FD77A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EE3EE5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3AC9E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F5FB3E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846AD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404C65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394BC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F1CBAC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63BFA041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16792B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F33305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33.3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9D2BC5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490591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0B7322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F0CF29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EC3699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9B5A9E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944E98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703FB30F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973D114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Blood results - n, median (IQR)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28C29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5BDB18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951964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9FF587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F1C74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D77379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9CE0F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A70462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122B1AEF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6C53A70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 xml:space="preserve">Serum creatinine - </w:t>
            </w:r>
            <w:proofErr w:type="spellStart"/>
            <w:r w:rsidRPr="005F7A87">
              <w:rPr>
                <w:rFonts w:eastAsia="Times New Roman"/>
                <w:sz w:val="22"/>
                <w:szCs w:val="22"/>
              </w:rPr>
              <w:t>umol</w:t>
            </w:r>
            <w:proofErr w:type="spellEnd"/>
            <w:r w:rsidRPr="005F7A87">
              <w:rPr>
                <w:rFonts w:eastAsia="Times New Roman"/>
                <w:sz w:val="22"/>
                <w:szCs w:val="22"/>
              </w:rPr>
              <w:t>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75FBB6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, 69.0 (65.0-102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EA5E4D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9.0 (49.0-49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D4803D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83.0 (71.0-95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EC70CE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58.0 (58.0-58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54667D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83.5 (74.0-93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90B457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074478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77.0 (64.0-9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7E8344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7FE8EC77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AB4F5B4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Urea - mmol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B42BAA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, 4.5 (3.6-6.8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A00793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3.7 (3.7-3.7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F36B17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5.0 (4.0-6.1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043A39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.8 (4.8-4.8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DE86F0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5.0 (3.5-6.4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8F8A48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5CCBD5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5.0 (4.2-5.9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A88747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5829F260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5C49F5F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Corrected calcium - mmol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322C90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, 2.4 (2.4-2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8867F8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2.2 (2.2-2.2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AD87A6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2.4 (2.3-2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DDB952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2.3 (2.3-2.3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BF6090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2.4 (2.3-2.4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8C5482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36DEE9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2.4 (2.3-2.4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B67CCD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18C77137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C443566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Albumin - g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FC172C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, 41.0 (34.0-48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B5E202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5.0 (45.0-45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5035CE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42.5 (40.0-45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D106F6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3.0 (43.0-43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A8F6A1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43.0 (41.0-45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AE59E6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5FA385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40.5 (38.0-43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B5075E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3720844C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64F061A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eutrophils - 10^9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0A9D2F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, 3.5 (3.0-8.5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E0FE89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3.4 (3.4-3.4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35A909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5.8 (2.9-8.6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468EED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2.5 (2.5-2.5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8A01BC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7.1 (3.8-10.4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156816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EB00E2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7.9 (5.2-10.6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31C136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7810E865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5802E73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WBC - 10^9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182DF9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, 5.2 (4.6-11.3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4C9BBB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5.3 (5.3-5.3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A32427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7.9 (4.9-10.9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52D1F9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.7 (4.7-4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F225C9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9.4 (6.1-12.7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447F50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79039B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10.1 (7.0-13.2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3037E4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576C90C9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BB07323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ALT - IU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B3DD6B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, 11.0 (10.0-26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E62EB8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8.0 (18.0-18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3F21A4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16.5 (9.0-24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9E6917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9.0 (19.0-19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D66AE1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16.5 (12.0-21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7315C9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BB98AC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23.5 (22.0-25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80D0B0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74CB9DE9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AFB6447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ALP - IU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943024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, 94.0 (94.0-116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ABA919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83.0 (83.0-83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270321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99.5 (84.0-115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53F375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78.0 (78.0-78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53BA07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113.5 (101.0-126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B869E4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672454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112.0 (97.0-127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8D9C0F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4266F283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275F4F9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 xml:space="preserve">Serum bilirubin - </w:t>
            </w:r>
            <w:proofErr w:type="spellStart"/>
            <w:r w:rsidRPr="005F7A87">
              <w:rPr>
                <w:rFonts w:eastAsia="Times New Roman"/>
                <w:sz w:val="22"/>
                <w:szCs w:val="22"/>
              </w:rPr>
              <w:t>umol</w:t>
            </w:r>
            <w:proofErr w:type="spellEnd"/>
            <w:r w:rsidRPr="005F7A87">
              <w:rPr>
                <w:rFonts w:eastAsia="Times New Roman"/>
                <w:sz w:val="22"/>
                <w:szCs w:val="22"/>
              </w:rPr>
              <w:t>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243BBB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, 9.0 (6.0-2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B852B5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8.0 (8.0-8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EDD0DA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11.0 (7.0-15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161F0C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5.0 (5.0-5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55FAB3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14.5 (6.0-23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238F09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D71D2D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8.0 (8.0-8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2B344E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4866F24A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27265F5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Potassium - mmol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9BE1DB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, 4.4 (4.2-4.5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D874B7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.4 (4.4-4.4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A676F4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4.4 (4.2-4.6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D239B4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.7 (4.7-4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A07DE8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4.3 (4.2-4.5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AF00F8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690498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4.3 (4.0-4.5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862265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68BD4FCC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069CA50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Sodium - mmol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583393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, 138.0 (135.0-139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636471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39.0 (139.0-139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B516CC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140.0 (140.0-14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DC8110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41.0 (141.0-141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F40F1A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139.5 (139.0-14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982BC6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78197A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140.5 (140.0-141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1A2AC6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76FC8CA1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1AB3786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Platelets - 10^9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07DF78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, 247.0 (236.0-557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B8DECC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250.0 (250.0-25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EC270D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330.5 (275.0-386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470491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235.0 (235.0-235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2B1C95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332.5 (253.0-412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986908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A62AD0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495.0 (277.0-713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694012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5EAB76D6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1ABF26D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Haemoglobin - g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C8015D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, 136.0 (108.0-149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8D2B59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34.0 (134.0-134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68C5B0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136.0 (135.0-137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18E310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35.0 (135.0-135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6FCC16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137.0 (136.0-138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995362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C4C883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125.0 (120.0-13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F13337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5A41535B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2FAD890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RBC - 10^12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C5310F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, 3.5 (3.1-4.2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9BD8E2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.1 (4.1-4.1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802FBC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3.8 (3.5-4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582E9E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.1 (4.1-4.1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A54E5A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3.8 (3.5-4.1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5FA956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943501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3.4 (3.3-3.6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6634B0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343919D1" w14:textId="77777777" w:rsidTr="005F7A87">
        <w:trPr>
          <w:trHeight w:val="510"/>
        </w:trPr>
        <w:tc>
          <w:tcPr>
            <w:tcW w:w="3539" w:type="dxa"/>
            <w:tcBorders>
              <w:top w:val="nil"/>
              <w:left w:val="single" w:sz="8" w:space="0" w:color="auto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727BCC7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AST - IU/L</w:t>
            </w:r>
          </w:p>
        </w:tc>
        <w:tc>
          <w:tcPr>
            <w:tcW w:w="119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6A81D54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20.5 (15.0-26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1E05E2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20.0 (20.0-2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6789226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19.5 (13.0-26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2F9F5F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20.0 (20.0-2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1A5E5DE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21.0 (16.0-26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1441CF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1D18DBB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, 20.5 (15.0-26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DB2ECF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</w:tbl>
    <w:p w14:paraId="65D62687" w14:textId="4665AA5D" w:rsidR="005F7A87" w:rsidRDefault="005F7A87"/>
    <w:tbl>
      <w:tblPr>
        <w:tblW w:w="13060" w:type="dxa"/>
        <w:tblInd w:w="10" w:type="dxa"/>
        <w:tblLook w:val="04A0" w:firstRow="1" w:lastRow="0" w:firstColumn="1" w:lastColumn="0" w:noHBand="0" w:noVBand="1"/>
      </w:tblPr>
      <w:tblGrid>
        <w:gridCol w:w="3539"/>
        <w:gridCol w:w="1192"/>
        <w:gridCol w:w="1191"/>
        <w:gridCol w:w="1189"/>
        <w:gridCol w:w="1191"/>
        <w:gridCol w:w="1191"/>
        <w:gridCol w:w="1189"/>
        <w:gridCol w:w="1189"/>
        <w:gridCol w:w="1189"/>
      </w:tblGrid>
      <w:tr w:rsidR="005F7A87" w:rsidRPr="005F7A87" w14:paraId="735DE99D" w14:textId="77777777" w:rsidTr="005F7A87">
        <w:trPr>
          <w:trHeight w:val="315"/>
        </w:trPr>
        <w:tc>
          <w:tcPr>
            <w:tcW w:w="353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DA04437" w14:textId="0B91722F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865AAE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F5B21BC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62A08C1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59EBDB0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5DFE03A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8AA025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D2975D7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A9A7A97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6F5CB173" w14:textId="77777777" w:rsidTr="005F7A87">
        <w:trPr>
          <w:trHeight w:val="300"/>
        </w:trPr>
        <w:tc>
          <w:tcPr>
            <w:tcW w:w="3539" w:type="dxa"/>
            <w:vMerge w:val="restart"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74D8286A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 </w:t>
            </w:r>
          </w:p>
        </w:tc>
        <w:tc>
          <w:tcPr>
            <w:tcW w:w="2383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2393586E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3</w:t>
            </w:r>
          </w:p>
        </w:tc>
        <w:tc>
          <w:tcPr>
            <w:tcW w:w="238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66B4396B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4</w:t>
            </w:r>
          </w:p>
        </w:tc>
        <w:tc>
          <w:tcPr>
            <w:tcW w:w="238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2B0BA653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5</w:t>
            </w:r>
          </w:p>
        </w:tc>
        <w:tc>
          <w:tcPr>
            <w:tcW w:w="2378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78F87991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6</w:t>
            </w:r>
          </w:p>
        </w:tc>
      </w:tr>
      <w:tr w:rsidR="005F7A87" w:rsidRPr="005F7A87" w14:paraId="18C53F8D" w14:textId="77777777" w:rsidTr="005F7A87">
        <w:trPr>
          <w:trHeight w:val="300"/>
        </w:trPr>
        <w:tc>
          <w:tcPr>
            <w:tcW w:w="3539" w:type="dxa"/>
            <w:vMerge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521079B2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197150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41CE720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DB8107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6F1D18C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009FD5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1007C29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A7D2D7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3504072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</w:tr>
      <w:tr w:rsidR="005F7A87" w:rsidRPr="005F7A87" w14:paraId="57046492" w14:textId="77777777" w:rsidTr="005F7A87">
        <w:trPr>
          <w:trHeight w:val="300"/>
        </w:trPr>
        <w:tc>
          <w:tcPr>
            <w:tcW w:w="3539" w:type="dxa"/>
            <w:vMerge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6223D631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1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3DD0B11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1FE48EB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3402CA0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FFCB404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C92D8A4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88DE798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6FA67CB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F6CABB8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</w:tr>
      <w:tr w:rsidR="005F7A87" w:rsidRPr="005F7A87" w14:paraId="36BD31D8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E930DC1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URINALYSIS</w:t>
            </w:r>
          </w:p>
        </w:tc>
        <w:tc>
          <w:tcPr>
            <w:tcW w:w="11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A83815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206242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0A69AF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2935CD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A5E0BB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4F409E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12CCA0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E4EF94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50528D37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2DEF6F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H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471F2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78242D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4A92E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6F3C57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EA928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2046FC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420A1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38A6BB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28AEA501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0052FF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7CB63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0670A9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0DF59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E932DD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5293B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DF9513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AE336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5F6D0A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6ACF89A0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FCDC26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966DE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703176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A688A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BD4BF7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C2016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CBDEAE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EA334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FBE18E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7DCF9E07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6DFA242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C607D7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CB92C1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6DE737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F00334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5BD357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6B7FE6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BA8754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8A85B9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2DC1884F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EE6662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H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DA908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FE8279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44D3C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37E65F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1AB6A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2DE238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05930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3E5B0E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2BED53F3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96FD1D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79272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5DF4F3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EFDC1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6DAF44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DB5D0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28BD53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7E8CF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6F1F91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36F57392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ABA6965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6A128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C5649F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5F8EA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DF13A7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5BF8B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5613B0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E225E6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78B52D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65AB35FE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5F78E4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6AD75E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79200A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730002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781B65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63C5AC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47463B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021EC8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07C8FF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0B1B82E6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432D82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Glucose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35C51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9D60C4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A2816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C4AEBF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14B284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B5481C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02CD2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A84938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0C378567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9796C86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24528A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235253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E1C90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FEA3A2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C4F85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A7871E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B6A9A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F96188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5D936413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058726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1EA8A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737EA9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2EEB5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E07053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606AB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3EBF1C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A7821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E37610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2870C3E2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730ED5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B0CEAB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995CA6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28262F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F1AF17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7AD954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944B01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B24406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8C714A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2260A394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176DD3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Glucose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DCFE6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317E16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2FD4A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3FF1F5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D62C17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0A5098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6AB63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6DE1F3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379CFFBF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701E62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4A899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E8D469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D9D57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BDE07B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DB1C7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3E026C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3B509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38F9D9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72CDC12E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0C1915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2AF42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EE6290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BFF04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4723A6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381E8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CF7B3A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B2DCC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9CC044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62049F79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78FF4A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EE6A43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136556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C781E3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72C529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A6840B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C86B31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691960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A35838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798F9F7F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66CA55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Blood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6D15D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3ECAA3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4A94C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D3BB61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C4A77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15901F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EACCE4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6731F9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41EFC8C0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E6BB75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B235C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2C59E3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542B3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20A47B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6D9ED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B730E1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EFA77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FF8AC1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0755E0FC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F53D07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32EFC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224EAD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526CF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E2AE2F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E51462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EFC9FF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913B6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AA1416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4C9F057E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4A4E69D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52FB7F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2B0D7D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55548E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3DA415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709CA1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D9B07F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F8D2AE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5B3C52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6A9B8DD8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A27F94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Blood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050B3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08BE42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1BD1F7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F6CC38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A966A0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76E450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5BF64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F02D46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60277B84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9D7F2B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247D7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FED5CC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0BFF9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759863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7EF31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1400CD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139BEB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F56632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666EB25F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BA682B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3B251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709E92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24226D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ED86C8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C95FC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B6B234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34AB5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79EE97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591B1146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BDDF4C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22C38F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591DA6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773B14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C63C14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9FBE47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F78913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F6862C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2A1ED5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331DE11C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728F21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rotein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E9E9F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7C2524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DB063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18A746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A14A8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1B4B0C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ED86E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25CF48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53C36678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51C65A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333E5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0EBE81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34617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58BC18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8CF99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44F041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5DE80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B9A914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27A45334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3EED1A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1ABA5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B6A6DE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07CEE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F9A2BE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93BDB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6E1420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AE399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8E4412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00721101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18CA27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010395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973E1F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DB1B9F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639349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BA4681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D3A1A4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90E695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8ECD34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025C93BC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030E68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rotein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4C8AB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E72792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9E366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89ADBD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EFFA8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C6AF4D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3EE5B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DFF9DF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00EDE843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9C35FD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7D0089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2E5BBD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63985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1D84A2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A0858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62EF54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84032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D79B3A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58877874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F3F69B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486ED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0D17EA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F3D3B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80EA6B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1DB48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FA2C1C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F003D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FD0638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55363A96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24D361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FCE16E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050FCD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DFFF5F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F8B808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5CEDB0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BB4FAB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90375F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4D1F1C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1DE02368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7262AA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Leucocytes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3FC2E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82461F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CF495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93CD40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9E4F6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D5A0EB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F3881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3B83BF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72801C74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BB0F9E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52FB2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B79464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8A067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826893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6B3DE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2338E6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EEBEA0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B7CEC4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36264EDA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D079BD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DB1B3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7AF880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029B8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316921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EE7D3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F46045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2240C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91BAF7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16BA3A93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ABE213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B0CEDC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A0B0DA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517FDD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471D4E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E00A94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A6B1E6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A7B0B5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D6E2CD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19DBCDE8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65DB6B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Leucocytes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9F4C5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93FC55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81D6C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61A1B2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91DA6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075673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052D6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8AB976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4332C579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76EEBC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B177A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C47A42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7109E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296343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5D220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AEE50E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A2DE9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A42794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40349817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CE8D66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133EB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55B042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BBDD3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522103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6D4351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606896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D2158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D909F1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2BE78154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BB768F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EC01B5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AE6FA0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A12DBB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0851C3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D98E85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E1704F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4262EA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7D89C0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5F7A87" w:rsidRPr="005F7A87" w14:paraId="26089D0A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B594EDA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Blood results - n, median (IQR)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32EB2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873BE4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57DA2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459BA2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4740D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59017E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F1ECE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31A610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F7A87" w:rsidRPr="005F7A87" w14:paraId="5BEE03F4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37D4028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 xml:space="preserve">Serum creatinine - </w:t>
            </w:r>
            <w:proofErr w:type="spellStart"/>
            <w:r w:rsidRPr="005F7A87">
              <w:rPr>
                <w:rFonts w:eastAsia="Times New Roman"/>
                <w:sz w:val="22"/>
                <w:szCs w:val="22"/>
              </w:rPr>
              <w:t>umol</w:t>
            </w:r>
            <w:proofErr w:type="spellEnd"/>
            <w:r w:rsidRPr="005F7A87">
              <w:rPr>
                <w:rFonts w:eastAsia="Times New Roman"/>
                <w:sz w:val="22"/>
                <w:szCs w:val="22"/>
              </w:rPr>
              <w:t>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7131FD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92.0 (92.0-92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3BA394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A332F8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98.0 (98.0-98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8B341B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FED8E2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94.0 (94.0-94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7736B9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1F3A8F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11.0 (111.0-111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BA60A8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414B3480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51A82AD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Urea - mmol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5141B4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5.6 (5.6-5.6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F67A3B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5FFDE5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5.2 (5.2-5.2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400D6E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F40C04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5.8 (5.8-5.8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21CEFE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B2D67A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7.0 (7.0-7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7ED9A7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0D99A753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D29DC9A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Corrected calcium - mmol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A00F26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2.4 (2.4-2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1617B2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3BE06B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2.4 (2.4-2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C14973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CFAC33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2.3 (2.3-2.3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B1F2C4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5F38FB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2.5 (2.5-2.5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BDC4D9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0A484214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AB4CC3B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Albumin - g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50BCC4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5.0 (45.0-45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0A969C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E4C064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5.0 (45.0-45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598DB5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4231F0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3.0 (43.0-43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26B010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E13321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6.0 (46.0-46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174D62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703D6FC8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11BBDAE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eutrophils - 10^9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048697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7.2 (7.2-7.2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502EF5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CA4D93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0.1 (10.1-10.1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B2DC91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687E3C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8.6 (8.6-8.6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63AF9A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F884EC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9.7 (9.7-9.7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B42798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0A4F1616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FF644F6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WBC - 10^9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5C0949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9.8 (9.8-9.8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8105A9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6710E0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2.6 (12.6-12.6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A33157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4CADBD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0.9 (10.9-10.9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5613CC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E66289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2.7 (12.7-12.7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02FF17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3326BE1B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70EF1C8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ALT - IU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35E4A7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9.0 (9.0-9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35AA12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6E50F5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9.0 (9.0-9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C89481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99FF7B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9.0 (9.0-9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8EE30D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4D5A04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9.0 (9.0-9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271646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61D47FBC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057EC18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ALP - IU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809503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34.0 (134.0-134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8569B8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D9A672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40.0 (140.0-14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773674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14F010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54.0 (154.0-154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EE6BC9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4DDA0E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80.0 (180.0-180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573AD8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4E1D4B81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03546E2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 xml:space="preserve">Serum bilirubin - </w:t>
            </w:r>
            <w:proofErr w:type="spellStart"/>
            <w:r w:rsidRPr="005F7A87">
              <w:rPr>
                <w:rFonts w:eastAsia="Times New Roman"/>
                <w:sz w:val="22"/>
                <w:szCs w:val="22"/>
              </w:rPr>
              <w:t>umol</w:t>
            </w:r>
            <w:proofErr w:type="spellEnd"/>
            <w:r w:rsidRPr="005F7A87">
              <w:rPr>
                <w:rFonts w:eastAsia="Times New Roman"/>
                <w:sz w:val="22"/>
                <w:szCs w:val="22"/>
              </w:rPr>
              <w:t>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6ED220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26.0 (26.0-26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23FE6F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88BC1C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8.0 (18.0-18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495F6C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828804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7.0 (17.0-17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4CD79F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9CD84C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31.0 (31.0-31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C6A892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6B28D28C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4E66AB4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Potassium - mmol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698693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3.6 (3.6-3.6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00A079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BD1780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.3 (4.3-4.3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DF5A3E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39D406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.2 (4.2-4.2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2BBF8A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03EB43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.2 (4.2-4.2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095BAB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3ABB3DB4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8223D6C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Sodium - mmol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49B15B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38.0 (138.0-138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C9E457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EDB8A1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39.0 (139.0-139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74EA16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E92B39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42.0 (142.0-142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D00E3D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631F1E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38.0 (138.0-138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51AA86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25B5F032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C3AE467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Platelets - 10^9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A591E3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40.0 (440.0-44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7E99CF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837A04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87.0 (487.0-487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90C708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D45AF6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17.0 (417.0-417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565E8E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1A445C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42.0 (442.0-442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61599B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2F771FF0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FCC8049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Haemoglobin - g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3624D5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37.0 (137.0-137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D3E77E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08B66E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39.0 (139.0-139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EF6D73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EAC825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39.0 (139.0-139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B117C7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8E04C1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48.0 (148.0-148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FD452B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4A5529CF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810F6A9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RBC - 10^12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DD354E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3.9 (3.9-3.9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F6D4C3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F12484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.1 (4.1-4.1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B6AB0C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70C302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.0 (4.0-4.0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9A0706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B04311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.2 (4.2-4.2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6ADD641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  <w:tr w:rsidR="005F7A87" w:rsidRPr="005F7A87" w14:paraId="2F73EC1E" w14:textId="77777777" w:rsidTr="005F7A87">
        <w:trPr>
          <w:trHeight w:val="510"/>
        </w:trPr>
        <w:tc>
          <w:tcPr>
            <w:tcW w:w="3539" w:type="dxa"/>
            <w:tcBorders>
              <w:top w:val="nil"/>
              <w:left w:val="single" w:sz="8" w:space="0" w:color="auto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031BC3F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AST - IU/L</w:t>
            </w:r>
          </w:p>
        </w:tc>
        <w:tc>
          <w:tcPr>
            <w:tcW w:w="119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4F0F92C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2.0 (12.0-12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37DD61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2D8B4AB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85.0 (85.0-85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3BDE27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36A69BF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5.0 (15.0-15.0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0BB3D2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1A26183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27C23B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</w:tr>
    </w:tbl>
    <w:p w14:paraId="4B226DD1" w14:textId="77777777" w:rsidR="005F7A87" w:rsidRDefault="005F7A87">
      <w:r>
        <w:br w:type="page"/>
      </w:r>
    </w:p>
    <w:tbl>
      <w:tblPr>
        <w:tblW w:w="13060" w:type="dxa"/>
        <w:tblInd w:w="10" w:type="dxa"/>
        <w:tblLook w:val="04A0" w:firstRow="1" w:lastRow="0" w:firstColumn="1" w:lastColumn="0" w:noHBand="0" w:noVBand="1"/>
      </w:tblPr>
      <w:tblGrid>
        <w:gridCol w:w="3539"/>
        <w:gridCol w:w="1192"/>
        <w:gridCol w:w="1191"/>
        <w:gridCol w:w="1189"/>
        <w:gridCol w:w="1191"/>
        <w:gridCol w:w="1191"/>
        <w:gridCol w:w="1189"/>
        <w:gridCol w:w="1189"/>
        <w:gridCol w:w="1189"/>
      </w:tblGrid>
      <w:tr w:rsidR="005F7A87" w:rsidRPr="005F7A87" w14:paraId="7F46B610" w14:textId="77777777" w:rsidTr="005F7A87">
        <w:trPr>
          <w:trHeight w:val="315"/>
        </w:trPr>
        <w:tc>
          <w:tcPr>
            <w:tcW w:w="353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D36084E" w14:textId="6390F561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CE93DCC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AF4B46B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8BA49B6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DAA809F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114FB66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CFD5543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DBCEA0C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36B87D4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3F49CA34" w14:textId="77777777" w:rsidTr="005F7A87">
        <w:trPr>
          <w:trHeight w:val="300"/>
        </w:trPr>
        <w:tc>
          <w:tcPr>
            <w:tcW w:w="3539" w:type="dxa"/>
            <w:vMerge w:val="restart"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  <w:hideMark/>
          </w:tcPr>
          <w:p w14:paraId="56C3934D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 </w:t>
            </w:r>
          </w:p>
        </w:tc>
        <w:tc>
          <w:tcPr>
            <w:tcW w:w="2383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27F6C4D2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7</w:t>
            </w:r>
          </w:p>
        </w:tc>
        <w:tc>
          <w:tcPr>
            <w:tcW w:w="2380" w:type="dxa"/>
            <w:gridSpan w:val="2"/>
            <w:tcBorders>
              <w:top w:val="single" w:sz="8" w:space="0" w:color="auto"/>
              <w:left w:val="nil"/>
              <w:bottom w:val="nil"/>
              <w:right w:val="single" w:sz="4" w:space="0" w:color="000000"/>
            </w:tcBorders>
            <w:shd w:val="clear" w:color="auto" w:fill="auto"/>
            <w:vAlign w:val="bottom"/>
            <w:hideMark/>
          </w:tcPr>
          <w:p w14:paraId="40E96995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8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58442EF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E08A171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C2644FE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3318F0E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3EB3EBC6" w14:textId="77777777" w:rsidTr="005F7A87">
        <w:trPr>
          <w:trHeight w:val="300"/>
        </w:trPr>
        <w:tc>
          <w:tcPr>
            <w:tcW w:w="3539" w:type="dxa"/>
            <w:vMerge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0CDEF6A0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A80169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84AF635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D419A8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9E92A09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0FE533E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7CC3F4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1A53548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9F9C97F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6E4FCA81" w14:textId="77777777" w:rsidTr="005F7A87">
        <w:trPr>
          <w:trHeight w:val="300"/>
        </w:trPr>
        <w:tc>
          <w:tcPr>
            <w:tcW w:w="3539" w:type="dxa"/>
            <w:vMerge/>
            <w:tcBorders>
              <w:top w:val="single" w:sz="8" w:space="0" w:color="auto"/>
              <w:left w:val="single" w:sz="8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14:paraId="1768D9AF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1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C73BE61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F5B64BB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20343D71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F25D3EC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93FBD3B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D4B589F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E93C3F3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5D1023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782CE550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618A9E2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URINALYSIS</w:t>
            </w:r>
          </w:p>
        </w:tc>
        <w:tc>
          <w:tcPr>
            <w:tcW w:w="119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B39EFA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8ACE95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C805D4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38799A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41E773C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FD0EAE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CD14D6E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4944BC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3D86EC7B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D66395A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H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B3255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4AB2C0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C4EAB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E6CACE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A328FC2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0C1DDE5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86A5A8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320D48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6FEF8BCC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2AFA8E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DB0B8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95704B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A5C371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EBB6FE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7C11AB4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62A5C28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21E5288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05109B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6E9DB405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D2FFED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B119D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5381DE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E0CD0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F25C39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6CDF124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5A8D821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978531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819534F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19D5E388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10181B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B799A0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317C12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15B077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C39F61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6A36B82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660442E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624460B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89FE9B7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35F9BFBD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8687E9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H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D18D5A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CC84F1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8FEC4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B67D9B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A187310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702F305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731E83A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0A6B1A5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17CA182A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3D835C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E5481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20CB61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B2484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E8AAC6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90577AA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1CC72BA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B5A055E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78C98A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73F0071C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0DCBA4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4A17E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88339F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5415D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DD6DA2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67B1BF3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BEC0BB2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989A461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073C242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19BFD196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4DB2A9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1CBDB9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4B3A2F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A7FD4A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50D7B8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148F616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7157020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C7B5610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2A186DE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3C419DCE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D82049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Glucose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5B849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5FA2FE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0CA0C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181203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1BD34E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2A406E4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9A94BC4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ECCA778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05CE6C40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4FC160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BA5C0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A69AF2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70EB2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DFAAA7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46A428A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B878185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880BFE8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E4EF30A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6CC0A22F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1B8DC5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1A931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58988A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4BA04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851373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EC0D868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73ADEE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8871F70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2CDD066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3F166731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1AC9B4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FB8D62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0FBA4B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0EB4D4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DFFC71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8850589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232263F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8F211AF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99D3567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3D72CEE7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81942C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Glucose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1E3FD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284DFF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E9203E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2AC1BE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FB6E069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5CBC2CE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4FD4E8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4BB387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41C44A57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78564C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938E6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6CAFBB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28078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EB4C02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73C34F1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BC7D1CC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BC86D8E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31FB08A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546BF598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64CBE4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EEACF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26E4FF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FF184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152B88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D7CF193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D4C5D89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5AD0F08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B26A3F0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2261B333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B9A607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923444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8FEC9D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192B8A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4C23C8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A97DAEF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EB6D3E6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6EBE68F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2F8EB26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147F32A5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246D52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Blood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82995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E415B1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4FB1C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864233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4A8D658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C33B91E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751BB38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5882EFB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0EF10D93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C6A726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075A6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3234BE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C24934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232A5B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C0B5928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A6835EA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AE91871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B5B7700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21ED8F9C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A27A52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43B854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A75382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F7386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03CCA4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728B214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F446A27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EA93F8C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DF7AE7B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33F02AEA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AB0EF1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0A69010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9593C5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F6CA46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5ECED1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D50A987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A848AE3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9D1276B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7E1FE92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11A982FF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AB20DC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Blood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18673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A3BC9B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B7836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538B6D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BCA7D2B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2309D28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E09ECC2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DCCB786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41B4B637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133905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7F3A2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EE5B82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DD600B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5E72D5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0C29AE6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4BD49E9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CC9601C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47904A9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448EBA2A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BF2842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78425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C96FA8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16A40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A9E775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C55B25B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EA80DCC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026228E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2085416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056F79C2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88C5EF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41E322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576AAD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4855F3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BA36C2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77992A0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DFAD844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B47A83B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70DBF45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398BECDA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9ECA17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rotein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BB9A3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617085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A8CB5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28D0C7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82303FF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25D2947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B0541E3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3BD8B0B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62E08122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0A4874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8A5B2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FD7351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1D8CD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EB14F9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346A614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85E016B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9692987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26B2113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435875C5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C6EE23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AA9E1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F7EB47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DEEFB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59FCE5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EBBF802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C26501A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4DBB429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B9B6401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3C62BF64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AAE6B3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E613C9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35E455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2972EA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CE6069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F98096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6AE7F60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F596B7A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47D0CD9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481606D8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554203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rotein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D2290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17CFDB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1EE95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3EB8D5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E9A4CC7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0801FAC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E4BD7DB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EA4EC9C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5FCDDD44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117526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C7DCC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66D1A4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94FB4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879316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C692F5C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A4AA854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D285210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EE12ED1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572F90E1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AE75A2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E3B252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C3CF85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0FE18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E4B82D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1E70536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6BFCEBE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76B3EF8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85B71F5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7491AA1B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D5EF83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852646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BE1DDB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304893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0107F2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3EB179E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CF5EC6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17BFE3F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CD5790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5BB5FFA6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37D6F8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Leucocytes Normal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3E9B6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CDD41F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38A8BA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BADB50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2076028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000AD5B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5075932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5F5A48A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5AF85FA4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1D6203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45FDB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222E2E5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67325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50455C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25BA961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17DD245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2F86759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EA1A9B5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2DC1802D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79FD15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EED4B0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C62376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F477F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3AAD07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B0D271F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2A2B6B1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7476364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8BCCAEB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573A4DE5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35EF9EA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DA66F5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50ADEE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5D15625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186B5098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7FFA3A5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535D545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D439A3A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5805498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14165157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CB1BA3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Leucocytes Clinically significant - N (%)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F0270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C176B8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85D8D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EDD6B8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F73F530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E91FAAB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14A4FDC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AE66751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2D9F2849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3B3D73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B147D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A1F052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14E25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33CCAA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E380DD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778A7E9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ACE5A34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9675E73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0E9A050F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D94F70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4C94A24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92E015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F77F7D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5E2C06B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6FC92D3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2998D35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7CAFAF4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10A2E2B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59529309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C0D755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1192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1211AB47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AE47CA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A8E5BB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26282C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83F1430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6F62266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B926CEF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B69EA68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5006AF44" w14:textId="77777777" w:rsidTr="005F7A87">
        <w:trPr>
          <w:trHeight w:val="300"/>
        </w:trPr>
        <w:tc>
          <w:tcPr>
            <w:tcW w:w="3539" w:type="dxa"/>
            <w:tcBorders>
              <w:top w:val="single" w:sz="4" w:space="0" w:color="auto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FDFB8D4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Blood results - n, median (IQR)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C280D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4D4D00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3D914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BFB50D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3595891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5A7944F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8F1682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0365925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10C2585C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B7EA0D7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 xml:space="preserve">Serum creatinine - </w:t>
            </w:r>
            <w:proofErr w:type="spellStart"/>
            <w:r w:rsidRPr="005F7A87">
              <w:rPr>
                <w:rFonts w:eastAsia="Times New Roman"/>
                <w:sz w:val="22"/>
                <w:szCs w:val="22"/>
              </w:rPr>
              <w:t>umol</w:t>
            </w:r>
            <w:proofErr w:type="spellEnd"/>
            <w:r w:rsidRPr="005F7A87">
              <w:rPr>
                <w:rFonts w:eastAsia="Times New Roman"/>
                <w:sz w:val="22"/>
                <w:szCs w:val="22"/>
              </w:rPr>
              <w:t>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3ED297B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98.0 (98.0-98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C5D113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969B03E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92.0 (92.0-92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69ADE6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E536292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FF9619F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D22B77F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7E67FD1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272905E3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AC47653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Urea - mmol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DFC0AC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8.7 (8.7-8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935FF6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79327F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5.0 (5.0-5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370447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5000D28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E0595A3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74A93D0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315674E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309C19AA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BD3942D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Corrected calcium - mmol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EE883D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2.3 (2.3-2.3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9160AB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DA52EB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2.3 (2.3-2.3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4FE43C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97BEC16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21CCEF3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63C1AA5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AD6E1AA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4E4497B3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F915F9A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Albumin - g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70D96C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6.0 (46.0-46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F5DFF4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416F5F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3.0 (43.0-43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FE8221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7716A5B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50A0B43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D5ED9E2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AD9BD6B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1585FB78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87C8219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eutrophils - 10^9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B97CB4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9.2 (9.2-9.2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95E469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0C7335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8.7 (8.7-8.7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508C58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C8EA5BC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778E108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35DD189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13C689C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6B503FE5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00CF96B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WBC - 10^9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CC95B0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1.9 (11.9-11.9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3B52D1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88FFBF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1.4 (11.4-11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6C1EB28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8670864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3B9BA46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72BD004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6D81952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4ABE8DFE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0B01D9F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ALT - IU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F6CFFC0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1.0 (11.0-11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39C624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173615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9.0 (9.0-9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26AF44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C29B9A3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7C3491A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9D84EB3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A500437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77040F26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B5A2537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ALP - IU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1C525D97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87.0 (187.0-187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EDD1C9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39E58D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210.0 (210.0-21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CC332B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77D143C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547E0A67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261EBA3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1997402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2B837766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1C60BE6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 xml:space="preserve">Serum bilirubin - </w:t>
            </w:r>
            <w:proofErr w:type="spellStart"/>
            <w:r w:rsidRPr="005F7A87">
              <w:rPr>
                <w:rFonts w:eastAsia="Times New Roman"/>
                <w:sz w:val="22"/>
                <w:szCs w:val="22"/>
              </w:rPr>
              <w:t>umol</w:t>
            </w:r>
            <w:proofErr w:type="spellEnd"/>
            <w:r w:rsidRPr="005F7A87">
              <w:rPr>
                <w:rFonts w:eastAsia="Times New Roman"/>
                <w:sz w:val="22"/>
                <w:szCs w:val="22"/>
              </w:rPr>
              <w:t>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55C3615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8.0 (18.0-18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379A73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D10985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7.0 (17.0-17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0B0ED4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E8C05C0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CC576E1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E6E97A9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3BD2D66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622A4B51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D88599F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Potassium - mmol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2E3133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.3 (4.3-4.3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7C65C2FA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6F5FD6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.4 (4.4-4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6068F8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4BC788B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D69522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C824E7C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E099F1F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62E79969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B984137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Sodium - mmol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B0A85D6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40.0 (140.0-140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DBD5F0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4F4366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39.0 (139.0-139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7D7447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86959AD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CA20549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EB18747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B9F8CC0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0EC4B625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9F52E21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Platelets - 10^9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DF791C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555.0 (555.0-555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1DA0B82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39C51B1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515.0 (515.0-515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9ADFFC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33B3444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150D18C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483AE38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2ABF7A54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2D29B729" w14:textId="77777777" w:rsidTr="005F7A87">
        <w:trPr>
          <w:trHeight w:val="495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B8C63D0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Haemoglobin - g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43DDE92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51.0 (151.0-151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3460E5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1A076D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144.0 (144.0-144.0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3FC1D8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1A0499F5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D931968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F42769C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3CD119E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7F2517FC" w14:textId="77777777" w:rsidTr="005F7A87">
        <w:trPr>
          <w:trHeight w:val="300"/>
        </w:trPr>
        <w:tc>
          <w:tcPr>
            <w:tcW w:w="3539" w:type="dxa"/>
            <w:tcBorders>
              <w:top w:val="nil"/>
              <w:left w:val="single" w:sz="8" w:space="0" w:color="auto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46474CA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RBC - 10^12/L</w:t>
            </w:r>
          </w:p>
        </w:tc>
        <w:tc>
          <w:tcPr>
            <w:tcW w:w="119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0CE13B82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.4 (4.4-4.4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7B4A0B3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785CEE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, 4.1 (4.1-4.1)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535ECED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7317839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3FDE2169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47B498FA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65D94DF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56364A6F" w14:textId="77777777" w:rsidTr="005F7A87">
        <w:trPr>
          <w:trHeight w:val="315"/>
        </w:trPr>
        <w:tc>
          <w:tcPr>
            <w:tcW w:w="3539" w:type="dxa"/>
            <w:tcBorders>
              <w:top w:val="nil"/>
              <w:left w:val="single" w:sz="8" w:space="0" w:color="auto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D160AD1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AST - IU/L</w:t>
            </w:r>
          </w:p>
        </w:tc>
        <w:tc>
          <w:tcPr>
            <w:tcW w:w="119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61A9DFE5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CFF4A94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8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bottom"/>
            <w:hideMark/>
          </w:tcPr>
          <w:p w14:paraId="78DCE94D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4DEF317F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-</w:t>
            </w:r>
          </w:p>
        </w:tc>
        <w:tc>
          <w:tcPr>
            <w:tcW w:w="119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6C4ABF28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A946290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7995D9B1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9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bottom"/>
            <w:hideMark/>
          </w:tcPr>
          <w:p w14:paraId="04CD6207" w14:textId="77777777" w:rsidR="005F7A87" w:rsidRPr="005F7A87" w:rsidRDefault="005F7A87" w:rsidP="005F7A87">
            <w:pPr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</w:tbl>
    <w:p w14:paraId="00CFA5CC" w14:textId="4CFC1313" w:rsidR="000D1DFF" w:rsidRDefault="000D1DFF" w:rsidP="00EC5B6A">
      <w:pPr>
        <w:rPr>
          <w:lang w:eastAsia="en-US"/>
        </w:rPr>
      </w:pPr>
    </w:p>
    <w:p w14:paraId="5BEE2B0E" w14:textId="77777777" w:rsidR="005F7A87" w:rsidRDefault="005F7A87" w:rsidP="00F16CE0">
      <w:pPr>
        <w:pStyle w:val="Caption"/>
        <w:keepNext/>
        <w:sectPr w:rsidR="005F7A87" w:rsidSect="00512DF0">
          <w:pgSz w:w="16838" w:h="11906" w:orient="landscape"/>
          <w:pgMar w:top="1440" w:right="1440" w:bottom="1440" w:left="1440" w:header="708" w:footer="708" w:gutter="0"/>
          <w:cols w:space="708"/>
          <w:docGrid w:linePitch="360"/>
        </w:sectPr>
      </w:pPr>
    </w:p>
    <w:p w14:paraId="6D1BFAD3" w14:textId="3F744C57" w:rsidR="00F16CE0" w:rsidRDefault="00F16CE0" w:rsidP="00F16CE0">
      <w:pPr>
        <w:pStyle w:val="Caption"/>
        <w:keepNext/>
      </w:pPr>
      <w:r>
        <w:t xml:space="preserve">Table </w:t>
      </w:r>
      <w:r>
        <w:fldChar w:fldCharType="begin"/>
      </w:r>
      <w:r>
        <w:instrText xml:space="preserve"> SEQ Table \* ARABIC </w:instrText>
      </w:r>
      <w:r>
        <w:fldChar w:fldCharType="separate"/>
      </w:r>
      <w:r w:rsidR="00970777">
        <w:rPr>
          <w:noProof/>
        </w:rPr>
        <w:t>6</w:t>
      </w:r>
      <w:r>
        <w:fldChar w:fldCharType="end"/>
      </w:r>
      <w:r>
        <w:t>: Collection of translational blood samples at disease progression or end of Cycle 18</w:t>
      </w:r>
    </w:p>
    <w:tbl>
      <w:tblPr>
        <w:tblW w:w="8540" w:type="dxa"/>
        <w:tblLook w:val="04A0" w:firstRow="1" w:lastRow="0" w:firstColumn="1" w:lastColumn="0" w:noHBand="0" w:noVBand="1"/>
      </w:tblPr>
      <w:tblGrid>
        <w:gridCol w:w="4700"/>
        <w:gridCol w:w="960"/>
        <w:gridCol w:w="960"/>
        <w:gridCol w:w="960"/>
        <w:gridCol w:w="960"/>
      </w:tblGrid>
      <w:tr w:rsidR="005F7A87" w:rsidRPr="005F7A87" w14:paraId="5F0D506F" w14:textId="77777777" w:rsidTr="005F7A87">
        <w:trPr>
          <w:trHeight w:val="900"/>
        </w:trPr>
        <w:tc>
          <w:tcPr>
            <w:tcW w:w="47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C3FCF6B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Table </w:t>
            </w:r>
            <w:proofErr w:type="gramStart"/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6 :</w:t>
            </w:r>
            <w:proofErr w:type="gramEnd"/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 Collection of translational blood samples at disease progression or end of cycle 18</w:t>
            </w:r>
          </w:p>
        </w:tc>
        <w:tc>
          <w:tcPr>
            <w:tcW w:w="192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070502C2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At disease progression</w:t>
            </w:r>
          </w:p>
        </w:tc>
        <w:tc>
          <w:tcPr>
            <w:tcW w:w="192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66477982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At end of cycle 18 (if not progressed)-THERE IS NO VARIABLE FOR THIS</w:t>
            </w:r>
          </w:p>
        </w:tc>
      </w:tr>
      <w:tr w:rsidR="005F7A87" w:rsidRPr="005F7A87" w14:paraId="134C4AEE" w14:textId="77777777" w:rsidTr="005F7A87">
        <w:trPr>
          <w:trHeight w:val="300"/>
        </w:trPr>
        <w:tc>
          <w:tcPr>
            <w:tcW w:w="4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CD394DB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0269ED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3A6972C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022005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19319A9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</w:tr>
      <w:tr w:rsidR="005F7A87" w:rsidRPr="005F7A87" w14:paraId="05F5A23B" w14:textId="77777777" w:rsidTr="005F7A87">
        <w:trPr>
          <w:trHeight w:val="315"/>
        </w:trPr>
        <w:tc>
          <w:tcPr>
            <w:tcW w:w="47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0E33A77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 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846D54D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30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071BE5E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33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6A0FC5C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8FE1197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</w:tr>
      <w:tr w:rsidR="005F7A87" w:rsidRPr="005F7A87" w14:paraId="37A5FD2C" w14:textId="77777777" w:rsidTr="005F7A87">
        <w:trPr>
          <w:trHeight w:val="600"/>
        </w:trPr>
        <w:tc>
          <w:tcPr>
            <w:tcW w:w="4700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B5D52C7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Blood sample was taken for translational purposes - N (%)</w:t>
            </w:r>
          </w:p>
        </w:tc>
        <w:tc>
          <w:tcPr>
            <w:tcW w:w="960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3D6F9E" w14:textId="77777777" w:rsidR="005F7A87" w:rsidRPr="005F7A87" w:rsidRDefault="005F7A87" w:rsidP="005F7A87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DEFB345" w14:textId="77777777" w:rsidR="005F7A87" w:rsidRPr="005F7A87" w:rsidRDefault="005F7A87" w:rsidP="005F7A87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BD6B14" w14:textId="77777777" w:rsidR="005F7A87" w:rsidRPr="005F7A87" w:rsidRDefault="005F7A87" w:rsidP="005F7A87">
            <w:pPr>
              <w:jc w:val="center"/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0C1D8C6" w14:textId="77777777" w:rsidR="005F7A87" w:rsidRPr="005F7A87" w:rsidRDefault="005F7A87" w:rsidP="005F7A87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77382F73" w14:textId="77777777" w:rsidTr="005F7A87">
        <w:trPr>
          <w:trHeight w:val="300"/>
        </w:trPr>
        <w:tc>
          <w:tcPr>
            <w:tcW w:w="4700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75EE4145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Yes</w:t>
            </w:r>
          </w:p>
        </w:tc>
        <w:tc>
          <w:tcPr>
            <w:tcW w:w="960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4AEE6C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5 (5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5A996E6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3 (39.4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0EE473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45EE305" w14:textId="77777777" w:rsidR="005F7A87" w:rsidRPr="005F7A87" w:rsidRDefault="005F7A87" w:rsidP="005F7A87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16DB0552" w14:textId="77777777" w:rsidTr="005F7A87">
        <w:trPr>
          <w:trHeight w:val="300"/>
        </w:trPr>
        <w:tc>
          <w:tcPr>
            <w:tcW w:w="4700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18139B3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No</w:t>
            </w:r>
          </w:p>
        </w:tc>
        <w:tc>
          <w:tcPr>
            <w:tcW w:w="960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8F69A9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5 (5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9D545D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0 (60.6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E64ECF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F6A2A06" w14:textId="77777777" w:rsidR="005F7A87" w:rsidRPr="005F7A87" w:rsidRDefault="005F7A87" w:rsidP="005F7A87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5F7A87" w:rsidRPr="005F7A87" w14:paraId="0C50A1BC" w14:textId="77777777" w:rsidTr="005F7A87">
        <w:trPr>
          <w:trHeight w:val="315"/>
        </w:trPr>
        <w:tc>
          <w:tcPr>
            <w:tcW w:w="4700" w:type="dxa"/>
            <w:tcBorders>
              <w:top w:val="nil"/>
              <w:left w:val="single" w:sz="8" w:space="0" w:color="auto"/>
              <w:bottom w:val="single" w:sz="8" w:space="0" w:color="auto"/>
              <w:right w:val="nil"/>
            </w:tcBorders>
            <w:shd w:val="clear" w:color="auto" w:fill="auto"/>
            <w:vAlign w:val="center"/>
            <w:hideMark/>
          </w:tcPr>
          <w:p w14:paraId="6B67C5CC" w14:textId="77777777" w:rsidR="005F7A87" w:rsidRPr="005F7A87" w:rsidRDefault="005F7A87" w:rsidP="005F7A87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960" w:type="dxa"/>
            <w:tcBorders>
              <w:top w:val="nil"/>
              <w:left w:val="single" w:sz="8" w:space="0" w:color="auto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71C06FE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944F6B1" w14:textId="77777777" w:rsidR="005F7A87" w:rsidRPr="005F7A87" w:rsidRDefault="005F7A87" w:rsidP="005F7A87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5B8DBE3" w14:textId="77777777" w:rsidR="005F7A87" w:rsidRPr="005F7A87" w:rsidRDefault="005F7A87" w:rsidP="005F7A87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FD86968" w14:textId="77777777" w:rsidR="005F7A87" w:rsidRPr="005F7A87" w:rsidRDefault="005F7A87" w:rsidP="005F7A87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5F7A87">
              <w:rPr>
                <w:rFonts w:eastAsia="Times New Roman"/>
                <w:sz w:val="22"/>
                <w:szCs w:val="22"/>
              </w:rPr>
              <w:t> </w:t>
            </w:r>
          </w:p>
        </w:tc>
      </w:tr>
    </w:tbl>
    <w:p w14:paraId="6BA17D0B" w14:textId="2D470E3A" w:rsidR="005F7A87" w:rsidRDefault="005F7A87" w:rsidP="005F7A87">
      <w:pPr>
        <w:rPr>
          <w:lang w:eastAsia="en-US"/>
        </w:rPr>
      </w:pPr>
    </w:p>
    <w:p w14:paraId="5759D679" w14:textId="2C85B693" w:rsidR="00C92BF0" w:rsidRDefault="00C92BF0" w:rsidP="00EC5B6A">
      <w:pPr>
        <w:rPr>
          <w:lang w:eastAsia="en-US"/>
        </w:rPr>
      </w:pPr>
    </w:p>
    <w:p w14:paraId="6DE92091" w14:textId="127C7BFF" w:rsidR="00C92BF0" w:rsidRDefault="00C92BF0" w:rsidP="00C92BF0">
      <w:pPr>
        <w:pStyle w:val="Caption"/>
        <w:keepNext/>
      </w:pPr>
      <w:r>
        <w:t xml:space="preserve">Table </w:t>
      </w:r>
      <w:r>
        <w:fldChar w:fldCharType="begin"/>
      </w:r>
      <w:r>
        <w:instrText xml:space="preserve"> SEQ Table \* ARABIC </w:instrText>
      </w:r>
      <w:r>
        <w:fldChar w:fldCharType="separate"/>
      </w:r>
      <w:r w:rsidR="00970777">
        <w:rPr>
          <w:noProof/>
        </w:rPr>
        <w:t>7</w:t>
      </w:r>
      <w:r>
        <w:fldChar w:fldCharType="end"/>
      </w:r>
      <w:r>
        <w:t>: Cardiac assessment</w:t>
      </w:r>
    </w:p>
    <w:tbl>
      <w:tblPr>
        <w:tblW w:w="7640" w:type="dxa"/>
        <w:tblLook w:val="04A0" w:firstRow="1" w:lastRow="0" w:firstColumn="1" w:lastColumn="0" w:noHBand="0" w:noVBand="1"/>
      </w:tblPr>
      <w:tblGrid>
        <w:gridCol w:w="1640"/>
        <w:gridCol w:w="1500"/>
        <w:gridCol w:w="1500"/>
        <w:gridCol w:w="1500"/>
        <w:gridCol w:w="1500"/>
      </w:tblGrid>
      <w:tr w:rsidR="005F7A87" w:rsidRPr="005F7A87" w14:paraId="72F950EC" w14:textId="77777777" w:rsidTr="005F7A87">
        <w:trPr>
          <w:trHeight w:val="300"/>
        </w:trPr>
        <w:tc>
          <w:tcPr>
            <w:tcW w:w="1640" w:type="dxa"/>
            <w:vMerge w:val="restart"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92BE44F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Table </w:t>
            </w:r>
            <w:proofErr w:type="gramStart"/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7 :</w:t>
            </w:r>
            <w:proofErr w:type="gramEnd"/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 Cardiac assessment</w:t>
            </w:r>
          </w:p>
        </w:tc>
        <w:tc>
          <w:tcPr>
            <w:tcW w:w="300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73E26810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3</w:t>
            </w:r>
          </w:p>
        </w:tc>
        <w:tc>
          <w:tcPr>
            <w:tcW w:w="300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4FBF24F3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30 days post treatment</w:t>
            </w:r>
          </w:p>
        </w:tc>
      </w:tr>
      <w:tr w:rsidR="005F7A87" w:rsidRPr="005F7A87" w14:paraId="12D4A317" w14:textId="77777777" w:rsidTr="005F7A87">
        <w:trPr>
          <w:trHeight w:val="300"/>
        </w:trPr>
        <w:tc>
          <w:tcPr>
            <w:tcW w:w="1640" w:type="dxa"/>
            <w:vMerge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61A254FC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5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A32D14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50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E051077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5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55618D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50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D8C1A2A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</w:tr>
      <w:tr w:rsidR="005F7A87" w:rsidRPr="005F7A87" w14:paraId="54C02EE8" w14:textId="77777777" w:rsidTr="005F7A87">
        <w:trPr>
          <w:trHeight w:val="315"/>
        </w:trPr>
        <w:tc>
          <w:tcPr>
            <w:tcW w:w="1640" w:type="dxa"/>
            <w:vMerge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02815711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5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6F5D302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0</w:t>
            </w:r>
          </w:p>
        </w:tc>
        <w:tc>
          <w:tcPr>
            <w:tcW w:w="15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FACD789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5</w:t>
            </w:r>
          </w:p>
        </w:tc>
        <w:tc>
          <w:tcPr>
            <w:tcW w:w="15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4D56B26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9</w:t>
            </w:r>
          </w:p>
        </w:tc>
        <w:tc>
          <w:tcPr>
            <w:tcW w:w="15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A7C7C7A" w14:textId="77777777" w:rsidR="005F7A87" w:rsidRPr="005F7A87" w:rsidRDefault="005F7A87" w:rsidP="005F7A87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6</w:t>
            </w:r>
          </w:p>
        </w:tc>
      </w:tr>
      <w:tr w:rsidR="005F7A87" w:rsidRPr="005F7A87" w14:paraId="1181AC00" w14:textId="77777777" w:rsidTr="005F7A87">
        <w:trPr>
          <w:trHeight w:val="915"/>
        </w:trPr>
        <w:tc>
          <w:tcPr>
            <w:tcW w:w="164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BD46B45" w14:textId="77777777" w:rsidR="005F7A87" w:rsidRPr="005F7A87" w:rsidRDefault="005F7A87" w:rsidP="005F7A87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ECG Resting QTc - n, </w:t>
            </w:r>
            <w:proofErr w:type="gramStart"/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median(</w:t>
            </w:r>
            <w:proofErr w:type="gramEnd"/>
            <w:r w:rsidRPr="005F7A87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IQR)</w:t>
            </w:r>
          </w:p>
        </w:tc>
        <w:tc>
          <w:tcPr>
            <w:tcW w:w="15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center"/>
            <w:hideMark/>
          </w:tcPr>
          <w:p w14:paraId="4F2432F9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18, 430.5 (407-438)</w:t>
            </w:r>
          </w:p>
        </w:tc>
        <w:tc>
          <w:tcPr>
            <w:tcW w:w="15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AC44C81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22, 433 (400-447)</w:t>
            </w:r>
          </w:p>
        </w:tc>
        <w:tc>
          <w:tcPr>
            <w:tcW w:w="150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center"/>
            <w:hideMark/>
          </w:tcPr>
          <w:p w14:paraId="17B7C6B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8, 437 (424-440)</w:t>
            </w:r>
          </w:p>
        </w:tc>
        <w:tc>
          <w:tcPr>
            <w:tcW w:w="15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04FD3EC" w14:textId="77777777" w:rsidR="005F7A87" w:rsidRPr="005F7A87" w:rsidRDefault="005F7A87" w:rsidP="005F7A87">
            <w:pPr>
              <w:rPr>
                <w:rFonts w:eastAsia="Times New Roman"/>
                <w:sz w:val="18"/>
                <w:szCs w:val="18"/>
              </w:rPr>
            </w:pPr>
            <w:r w:rsidRPr="005F7A87">
              <w:rPr>
                <w:rFonts w:eastAsia="Times New Roman"/>
                <w:sz w:val="18"/>
                <w:szCs w:val="18"/>
              </w:rPr>
              <w:t>3, 432 (358-468)</w:t>
            </w:r>
          </w:p>
        </w:tc>
      </w:tr>
    </w:tbl>
    <w:p w14:paraId="4CAD9823" w14:textId="3AB260E4" w:rsidR="005F7A87" w:rsidRDefault="005F7A87" w:rsidP="005F7A87">
      <w:pPr>
        <w:rPr>
          <w:lang w:eastAsia="en-US"/>
        </w:rPr>
      </w:pPr>
    </w:p>
    <w:p w14:paraId="683BCD10" w14:textId="77777777" w:rsidR="005F7A87" w:rsidRPr="005F7A87" w:rsidRDefault="005F7A87" w:rsidP="005F7A87">
      <w:pPr>
        <w:rPr>
          <w:lang w:eastAsia="en-US"/>
        </w:rPr>
      </w:pPr>
    </w:p>
    <w:p w14:paraId="75CCCB7A" w14:textId="4C317A94" w:rsidR="00464D2C" w:rsidRDefault="00464D2C" w:rsidP="00EC5B6A">
      <w:pPr>
        <w:rPr>
          <w:lang w:eastAsia="en-US"/>
        </w:rPr>
      </w:pPr>
    </w:p>
    <w:p w14:paraId="21385629" w14:textId="7E548A5D" w:rsidR="00CC7C01" w:rsidRDefault="00CC7C01" w:rsidP="00EC5B6A">
      <w:pPr>
        <w:rPr>
          <w:lang w:eastAsia="en-US"/>
        </w:rPr>
      </w:pPr>
      <w:r>
        <w:rPr>
          <w:lang w:eastAsia="en-US"/>
        </w:rPr>
        <w:t>Table 7b: Line listing of patients with prolonged QTc (&gt;470msec)</w:t>
      </w:r>
    </w:p>
    <w:tbl>
      <w:tblPr>
        <w:tblW w:w="5480" w:type="dxa"/>
        <w:tblLook w:val="04A0" w:firstRow="1" w:lastRow="0" w:firstColumn="1" w:lastColumn="0" w:noHBand="0" w:noVBand="1"/>
      </w:tblPr>
      <w:tblGrid>
        <w:gridCol w:w="1340"/>
        <w:gridCol w:w="1480"/>
        <w:gridCol w:w="1480"/>
        <w:gridCol w:w="1180"/>
      </w:tblGrid>
      <w:tr w:rsidR="00CC7C01" w:rsidRPr="00CC7C01" w14:paraId="20EE7A42" w14:textId="77777777" w:rsidTr="00CC7C01">
        <w:trPr>
          <w:trHeight w:val="600"/>
        </w:trPr>
        <w:tc>
          <w:tcPr>
            <w:tcW w:w="13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2F954C4" w14:textId="77777777" w:rsidR="00CC7C01" w:rsidRPr="00CC7C01" w:rsidRDefault="00CC7C01" w:rsidP="00CC7C01">
            <w:pPr>
              <w:rPr>
                <w:rFonts w:eastAsia="Times New Roman" w:cs="Times New Roman"/>
                <w:sz w:val="22"/>
                <w:szCs w:val="22"/>
              </w:rPr>
            </w:pPr>
            <w:r w:rsidRPr="00CC7C01">
              <w:rPr>
                <w:rFonts w:eastAsia="Times New Roman" w:cs="Times New Roman"/>
                <w:sz w:val="22"/>
                <w:szCs w:val="22"/>
              </w:rPr>
              <w:t>Trial Number</w:t>
            </w:r>
          </w:p>
        </w:tc>
        <w:tc>
          <w:tcPr>
            <w:tcW w:w="148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2235B33B" w14:textId="77777777" w:rsidR="00CC7C01" w:rsidRPr="00CC7C01" w:rsidRDefault="00CC7C01" w:rsidP="00CC7C01">
            <w:pPr>
              <w:rPr>
                <w:rFonts w:eastAsia="Times New Roman" w:cs="Times New Roman"/>
                <w:sz w:val="22"/>
                <w:szCs w:val="22"/>
              </w:rPr>
            </w:pPr>
            <w:r w:rsidRPr="00CC7C01">
              <w:rPr>
                <w:rFonts w:eastAsia="Times New Roman" w:cs="Times New Roman"/>
                <w:sz w:val="22"/>
                <w:szCs w:val="22"/>
              </w:rPr>
              <w:t>End of Cycle 3</w:t>
            </w:r>
          </w:p>
        </w:tc>
        <w:tc>
          <w:tcPr>
            <w:tcW w:w="148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0129919D" w14:textId="77777777" w:rsidR="00CC7C01" w:rsidRPr="00CC7C01" w:rsidRDefault="00CC7C01" w:rsidP="00CC7C01">
            <w:pPr>
              <w:rPr>
                <w:rFonts w:eastAsia="Times New Roman" w:cs="Times New Roman"/>
                <w:sz w:val="22"/>
                <w:szCs w:val="22"/>
              </w:rPr>
            </w:pPr>
            <w:r w:rsidRPr="00CC7C01">
              <w:rPr>
                <w:rFonts w:eastAsia="Times New Roman" w:cs="Times New Roman"/>
                <w:sz w:val="22"/>
                <w:szCs w:val="22"/>
              </w:rPr>
              <w:t>30 days post treatment</w:t>
            </w:r>
          </w:p>
        </w:tc>
        <w:tc>
          <w:tcPr>
            <w:tcW w:w="118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14:paraId="32C3E9D6" w14:textId="77777777" w:rsidR="00CC7C01" w:rsidRPr="00CC7C01" w:rsidRDefault="00CC7C01" w:rsidP="00CC7C01">
            <w:pPr>
              <w:rPr>
                <w:rFonts w:eastAsia="Times New Roman" w:cs="Times New Roman"/>
                <w:sz w:val="22"/>
                <w:szCs w:val="22"/>
              </w:rPr>
            </w:pPr>
            <w:r w:rsidRPr="00CC7C01">
              <w:rPr>
                <w:rFonts w:eastAsia="Times New Roman" w:cs="Times New Roman"/>
                <w:sz w:val="22"/>
                <w:szCs w:val="22"/>
              </w:rPr>
              <w:t>Allocation</w:t>
            </w:r>
          </w:p>
        </w:tc>
      </w:tr>
      <w:tr w:rsidR="00CC7C01" w:rsidRPr="00CC7C01" w14:paraId="7E7C1ACD" w14:textId="77777777" w:rsidTr="00CC7C01">
        <w:trPr>
          <w:trHeight w:val="300"/>
        </w:trPr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7D4E7D7" w14:textId="77777777" w:rsidR="00CC7C01" w:rsidRPr="00CC7C01" w:rsidRDefault="00CC7C01" w:rsidP="00CC7C01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CC7C01">
              <w:rPr>
                <w:rFonts w:eastAsia="Times New Roman" w:cs="Times New Roman"/>
                <w:sz w:val="22"/>
                <w:szCs w:val="22"/>
              </w:rPr>
              <w:t>57906</w:t>
            </w:r>
          </w:p>
        </w:tc>
        <w:tc>
          <w:tcPr>
            <w:tcW w:w="14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3DCF0B98" w14:textId="77777777" w:rsidR="00CC7C01" w:rsidRPr="00CC7C01" w:rsidRDefault="00CC7C01" w:rsidP="00CC7C01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CC7C01">
              <w:rPr>
                <w:rFonts w:eastAsia="Times New Roman" w:cs="Times New Roman"/>
                <w:sz w:val="22"/>
                <w:szCs w:val="22"/>
              </w:rPr>
              <w:t>479</w:t>
            </w:r>
          </w:p>
        </w:tc>
        <w:tc>
          <w:tcPr>
            <w:tcW w:w="14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AFC986A" w14:textId="77777777" w:rsidR="00CC7C01" w:rsidRPr="00CC7C01" w:rsidRDefault="00CC7C01" w:rsidP="00CC7C01">
            <w:pPr>
              <w:rPr>
                <w:rFonts w:eastAsia="Times New Roman" w:cs="Times New Roman"/>
                <w:sz w:val="22"/>
                <w:szCs w:val="22"/>
              </w:rPr>
            </w:pPr>
            <w:r w:rsidRPr="00CC7C01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76FFE50" w14:textId="77777777" w:rsidR="00CC7C01" w:rsidRPr="00CC7C01" w:rsidRDefault="00CC7C01" w:rsidP="00CC7C01">
            <w:pPr>
              <w:rPr>
                <w:rFonts w:eastAsia="Times New Roman" w:cs="Times New Roman"/>
                <w:sz w:val="22"/>
                <w:szCs w:val="22"/>
              </w:rPr>
            </w:pPr>
            <w:r w:rsidRPr="00CC7C01">
              <w:rPr>
                <w:rFonts w:eastAsia="Times New Roman" w:cs="Times New Roman"/>
                <w:sz w:val="22"/>
                <w:szCs w:val="22"/>
              </w:rPr>
              <w:t>Placebo</w:t>
            </w:r>
          </w:p>
        </w:tc>
      </w:tr>
      <w:tr w:rsidR="00CC7C01" w:rsidRPr="00CC7C01" w14:paraId="712E13C6" w14:textId="77777777" w:rsidTr="00CC7C01">
        <w:trPr>
          <w:trHeight w:val="300"/>
        </w:trPr>
        <w:tc>
          <w:tcPr>
            <w:tcW w:w="134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A1D1F35" w14:textId="77777777" w:rsidR="00CC7C01" w:rsidRPr="00CC7C01" w:rsidRDefault="00CC7C01" w:rsidP="00CC7C01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CC7C01">
              <w:rPr>
                <w:rFonts w:eastAsia="Times New Roman" w:cs="Times New Roman"/>
                <w:sz w:val="22"/>
                <w:szCs w:val="22"/>
              </w:rPr>
              <w:t>67003</w:t>
            </w:r>
          </w:p>
        </w:tc>
        <w:tc>
          <w:tcPr>
            <w:tcW w:w="14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A433475" w14:textId="77777777" w:rsidR="00CC7C01" w:rsidRPr="00CC7C01" w:rsidRDefault="00CC7C01" w:rsidP="00CC7C01">
            <w:pPr>
              <w:jc w:val="right"/>
              <w:rPr>
                <w:rFonts w:eastAsia="Times New Roman" w:cs="Times New Roman"/>
                <w:sz w:val="22"/>
                <w:szCs w:val="22"/>
              </w:rPr>
            </w:pPr>
            <w:r w:rsidRPr="00CC7C01">
              <w:rPr>
                <w:rFonts w:eastAsia="Times New Roman" w:cs="Times New Roman"/>
                <w:sz w:val="22"/>
                <w:szCs w:val="22"/>
              </w:rPr>
              <w:t>484</w:t>
            </w:r>
          </w:p>
        </w:tc>
        <w:tc>
          <w:tcPr>
            <w:tcW w:w="14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0F403E41" w14:textId="77777777" w:rsidR="00CC7C01" w:rsidRPr="00CC7C01" w:rsidRDefault="00CC7C01" w:rsidP="00CC7C01">
            <w:pPr>
              <w:rPr>
                <w:rFonts w:eastAsia="Times New Roman" w:cs="Times New Roman"/>
                <w:sz w:val="22"/>
                <w:szCs w:val="22"/>
              </w:rPr>
            </w:pPr>
            <w:r w:rsidRPr="00CC7C01">
              <w:rPr>
                <w:rFonts w:eastAsia="Times New Roman" w:cs="Times New Roman"/>
                <w:sz w:val="22"/>
                <w:szCs w:val="22"/>
              </w:rPr>
              <w:t> </w:t>
            </w:r>
          </w:p>
        </w:tc>
        <w:tc>
          <w:tcPr>
            <w:tcW w:w="11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2EA0FD9C" w14:textId="77777777" w:rsidR="00CC7C01" w:rsidRPr="00CC7C01" w:rsidRDefault="00CC7C01" w:rsidP="00CC7C01">
            <w:pPr>
              <w:rPr>
                <w:rFonts w:eastAsia="Times New Roman" w:cs="Times New Roman"/>
                <w:sz w:val="22"/>
                <w:szCs w:val="22"/>
              </w:rPr>
            </w:pPr>
            <w:r w:rsidRPr="00CC7C01">
              <w:rPr>
                <w:rFonts w:eastAsia="Times New Roman" w:cs="Times New Roman"/>
                <w:sz w:val="22"/>
                <w:szCs w:val="22"/>
              </w:rPr>
              <w:t>Placebo</w:t>
            </w:r>
          </w:p>
        </w:tc>
      </w:tr>
    </w:tbl>
    <w:p w14:paraId="33DB31F0" w14:textId="77777777" w:rsidR="00CC7C01" w:rsidRDefault="00CC7C01" w:rsidP="00EC5B6A">
      <w:pPr>
        <w:rPr>
          <w:lang w:eastAsia="en-US"/>
        </w:rPr>
      </w:pPr>
    </w:p>
    <w:p w14:paraId="54A5FDBF" w14:textId="77777777" w:rsidR="00CC7C01" w:rsidRDefault="00CC7C01" w:rsidP="00EC5B6A">
      <w:pPr>
        <w:rPr>
          <w:lang w:eastAsia="en-US"/>
        </w:rPr>
      </w:pPr>
    </w:p>
    <w:p w14:paraId="69C573DF" w14:textId="77777777" w:rsidR="00CC7C01" w:rsidRDefault="00CC7C01" w:rsidP="00EC5B6A">
      <w:pPr>
        <w:rPr>
          <w:lang w:eastAsia="en-US"/>
        </w:rPr>
      </w:pPr>
    </w:p>
    <w:p w14:paraId="1B9D59F3" w14:textId="7F0479E6" w:rsidR="00CC7C01" w:rsidRDefault="00CC7C01" w:rsidP="00EC5B6A">
      <w:pPr>
        <w:rPr>
          <w:lang w:eastAsia="en-US"/>
        </w:rPr>
        <w:sectPr w:rsidR="00CC7C01" w:rsidSect="00F16CE0">
          <w:pgSz w:w="11906" w:h="16838"/>
          <w:pgMar w:top="1440" w:right="1440" w:bottom="1440" w:left="1440" w:header="708" w:footer="708" w:gutter="0"/>
          <w:cols w:space="708"/>
          <w:docGrid w:linePitch="360"/>
        </w:sectPr>
      </w:pPr>
    </w:p>
    <w:p w14:paraId="20B9FE58" w14:textId="5F12B647" w:rsidR="00C92BF0" w:rsidRDefault="00C92BF0" w:rsidP="00EC5B6A">
      <w:pPr>
        <w:rPr>
          <w:lang w:eastAsia="en-US"/>
        </w:rPr>
      </w:pPr>
    </w:p>
    <w:p w14:paraId="6461B9A2" w14:textId="721AEFFC" w:rsidR="000D2CEE" w:rsidRDefault="000D2CEE" w:rsidP="000D2CEE">
      <w:pPr>
        <w:pStyle w:val="Caption"/>
        <w:keepNext/>
      </w:pPr>
      <w:r>
        <w:t xml:space="preserve">Table </w:t>
      </w:r>
      <w:r>
        <w:fldChar w:fldCharType="begin"/>
      </w:r>
      <w:r>
        <w:instrText xml:space="preserve"> SEQ Table \* ARABIC </w:instrText>
      </w:r>
      <w:r>
        <w:fldChar w:fldCharType="separate"/>
      </w:r>
      <w:r w:rsidR="00970777">
        <w:rPr>
          <w:noProof/>
        </w:rPr>
        <w:t>8</w:t>
      </w:r>
      <w:r>
        <w:fldChar w:fldCharType="end"/>
      </w:r>
      <w:r>
        <w:t>: Baseline toxicities</w:t>
      </w:r>
    </w:p>
    <w:tbl>
      <w:tblPr>
        <w:tblW w:w="13100" w:type="dxa"/>
        <w:tblLook w:val="04A0" w:firstRow="1" w:lastRow="0" w:firstColumn="1" w:lastColumn="0" w:noHBand="0" w:noVBand="1"/>
      </w:tblPr>
      <w:tblGrid>
        <w:gridCol w:w="1840"/>
        <w:gridCol w:w="409"/>
        <w:gridCol w:w="918"/>
        <w:gridCol w:w="328"/>
        <w:gridCol w:w="743"/>
        <w:gridCol w:w="328"/>
        <w:gridCol w:w="743"/>
        <w:gridCol w:w="328"/>
        <w:gridCol w:w="743"/>
        <w:gridCol w:w="484"/>
        <w:gridCol w:w="743"/>
        <w:gridCol w:w="409"/>
        <w:gridCol w:w="918"/>
        <w:gridCol w:w="328"/>
        <w:gridCol w:w="743"/>
        <w:gridCol w:w="328"/>
        <w:gridCol w:w="743"/>
        <w:gridCol w:w="328"/>
        <w:gridCol w:w="743"/>
        <w:gridCol w:w="484"/>
        <w:gridCol w:w="743"/>
      </w:tblGrid>
      <w:tr w:rsidR="004D7CCC" w:rsidRPr="004D7CCC" w14:paraId="065EA3CA" w14:textId="77777777" w:rsidTr="004D7CCC">
        <w:trPr>
          <w:cantSplit/>
          <w:trHeight w:val="315"/>
          <w:tblHeader/>
        </w:trPr>
        <w:tc>
          <w:tcPr>
            <w:tcW w:w="1896" w:type="dxa"/>
            <w:vMerge w:val="restart"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639A51B" w14:textId="77777777" w:rsidR="004D7CCC" w:rsidRPr="004D7CCC" w:rsidRDefault="004D7CCC" w:rsidP="004D7CCC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4D7CC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Table 8: Baseline toxicities </w:t>
            </w:r>
          </w:p>
        </w:tc>
        <w:tc>
          <w:tcPr>
            <w:tcW w:w="5602" w:type="dxa"/>
            <w:gridSpan w:val="10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14:paraId="3C7FAEB7" w14:textId="77777777" w:rsidR="004D7CCC" w:rsidRPr="004D7CCC" w:rsidRDefault="004D7CCC" w:rsidP="004D7CC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Olaparib (N=31)</w:t>
            </w:r>
          </w:p>
        </w:tc>
        <w:tc>
          <w:tcPr>
            <w:tcW w:w="5602" w:type="dxa"/>
            <w:gridSpan w:val="10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14:paraId="095E6BEA" w14:textId="77777777" w:rsidR="004D7CCC" w:rsidRPr="004D7CCC" w:rsidRDefault="004D7CCC" w:rsidP="004D7CC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Placebo (N=38)</w:t>
            </w:r>
          </w:p>
        </w:tc>
      </w:tr>
      <w:tr w:rsidR="004D7CCC" w:rsidRPr="004D7CCC" w14:paraId="4F64E847" w14:textId="77777777" w:rsidTr="004D7CCC">
        <w:trPr>
          <w:cantSplit/>
          <w:trHeight w:val="315"/>
          <w:tblHeader/>
        </w:trPr>
        <w:tc>
          <w:tcPr>
            <w:tcW w:w="1896" w:type="dxa"/>
            <w:vMerge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77BE1D33" w14:textId="77777777" w:rsidR="004D7CCC" w:rsidRPr="004D7CCC" w:rsidRDefault="004D7CCC" w:rsidP="004D7CCC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5602" w:type="dxa"/>
            <w:gridSpan w:val="10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14:paraId="53731CCC" w14:textId="77777777" w:rsidR="004D7CCC" w:rsidRPr="004D7CCC" w:rsidRDefault="004D7CCC" w:rsidP="004D7CC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Grade reported (N)</w:t>
            </w:r>
          </w:p>
        </w:tc>
        <w:tc>
          <w:tcPr>
            <w:tcW w:w="5602" w:type="dxa"/>
            <w:gridSpan w:val="10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14:paraId="02248DE9" w14:textId="77777777" w:rsidR="004D7CCC" w:rsidRPr="004D7CCC" w:rsidRDefault="004D7CCC" w:rsidP="004D7CC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Grade reported (N)</w:t>
            </w:r>
          </w:p>
        </w:tc>
      </w:tr>
      <w:tr w:rsidR="004D7CCC" w:rsidRPr="004D7CCC" w14:paraId="4B226ECA" w14:textId="77777777" w:rsidTr="004D7CCC">
        <w:trPr>
          <w:cantSplit/>
          <w:trHeight w:val="315"/>
          <w:tblHeader/>
        </w:trPr>
        <w:tc>
          <w:tcPr>
            <w:tcW w:w="1896" w:type="dxa"/>
            <w:vMerge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6D2FD451" w14:textId="77777777" w:rsidR="004D7CCC" w:rsidRPr="004D7CCC" w:rsidRDefault="004D7CCC" w:rsidP="004D7CCC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EF1272D" w14:textId="77777777" w:rsidR="004D7CCC" w:rsidRPr="004D7CCC" w:rsidRDefault="004D7CCC" w:rsidP="004D7CC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478DE02" w14:textId="77777777" w:rsidR="004D7CCC" w:rsidRPr="004D7CCC" w:rsidRDefault="004D7CCC" w:rsidP="004D7CC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BE9EBD0" w14:textId="77777777" w:rsidR="004D7CCC" w:rsidRPr="004D7CCC" w:rsidRDefault="004D7CCC" w:rsidP="004D7CC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2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808526C" w14:textId="77777777" w:rsidR="004D7CCC" w:rsidRPr="004D7CCC" w:rsidRDefault="004D7CCC" w:rsidP="004D7CC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24EB420" w14:textId="77777777" w:rsidR="004D7CCC" w:rsidRPr="004D7CCC" w:rsidRDefault="004D7CCC" w:rsidP="004D7CC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3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06126FD" w14:textId="77777777" w:rsidR="004D7CCC" w:rsidRPr="004D7CCC" w:rsidRDefault="004D7CCC" w:rsidP="004D7CC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A2178F3" w14:textId="77777777" w:rsidR="004D7CCC" w:rsidRPr="004D7CCC" w:rsidRDefault="004D7CCC" w:rsidP="004D7CC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4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129CF3A" w14:textId="77777777" w:rsidR="004D7CCC" w:rsidRPr="004D7CCC" w:rsidRDefault="004D7CCC" w:rsidP="004D7CC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BFFE134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3+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26F4867" w14:textId="77777777" w:rsidR="004D7CCC" w:rsidRPr="004D7CCC" w:rsidRDefault="004D7CCC" w:rsidP="004D7CC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2398051" w14:textId="77777777" w:rsidR="004D7CCC" w:rsidRPr="004D7CCC" w:rsidRDefault="004D7CCC" w:rsidP="004D7CC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2FC88A8" w14:textId="77777777" w:rsidR="004D7CCC" w:rsidRPr="004D7CCC" w:rsidRDefault="004D7CCC" w:rsidP="004D7CC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D1357B8" w14:textId="77777777" w:rsidR="004D7CCC" w:rsidRPr="004D7CCC" w:rsidRDefault="004D7CCC" w:rsidP="004D7CC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2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A18FAA6" w14:textId="77777777" w:rsidR="004D7CCC" w:rsidRPr="004D7CCC" w:rsidRDefault="004D7CCC" w:rsidP="004D7CC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B546CBF" w14:textId="77777777" w:rsidR="004D7CCC" w:rsidRPr="004D7CCC" w:rsidRDefault="004D7CCC" w:rsidP="004D7CC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3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0DCCF4C" w14:textId="77777777" w:rsidR="004D7CCC" w:rsidRPr="004D7CCC" w:rsidRDefault="004D7CCC" w:rsidP="004D7CC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20996CF" w14:textId="77777777" w:rsidR="004D7CCC" w:rsidRPr="004D7CCC" w:rsidRDefault="004D7CCC" w:rsidP="004D7CC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4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4EB7B50" w14:textId="77777777" w:rsidR="004D7CCC" w:rsidRPr="004D7CCC" w:rsidRDefault="004D7CCC" w:rsidP="004D7CC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8E6660E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3+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9E6178E" w14:textId="77777777" w:rsidR="004D7CCC" w:rsidRPr="004D7CCC" w:rsidRDefault="004D7CCC" w:rsidP="004D7CC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%</w:t>
            </w:r>
          </w:p>
        </w:tc>
      </w:tr>
      <w:tr w:rsidR="004D7CCC" w:rsidRPr="004D7CCC" w14:paraId="72FBE576" w14:textId="77777777" w:rsidTr="004D7CCC">
        <w:trPr>
          <w:trHeight w:val="51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3010AD0" w14:textId="77777777" w:rsidR="004D7CCC" w:rsidRPr="004D7CCC" w:rsidRDefault="004D7CCC" w:rsidP="004D7CC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4D7CC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Blood and lymphatic system disorders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086F5B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A4CCD5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52B889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7E193E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9B1F36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094397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72E40D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A3ABA7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FCF2D7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2FD25C1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9E3C7F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83B6BE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06725D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5E1D5F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999934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975BF8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B03180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67F7CE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9A80DD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34E6EC3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4D7CCC" w:rsidRPr="004D7CCC" w14:paraId="5AF44445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49EC9AB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Anaemia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AB81F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6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A56FD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9.4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C165A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656E8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4D964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8B9B0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C6547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A2868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0F150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4A755D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93C7F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6BC39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8.9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3B8F2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EF014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1149F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4FE15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84F1E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409AA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7A0F4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4A8CE0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52EA3F06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7EBFC95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Lymphopenia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45C11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0D447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08F43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8D60B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C3D63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FE13B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47002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DD227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7F404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BD123C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576B2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B7994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80236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DB858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9F6F9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88562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5F259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32B80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CA9CA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1E9017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78A4D40C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F809F45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Neutropenia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6B0EF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298E4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43A88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A6585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977B5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627C0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3C51A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15A0A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C1F65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914849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2F103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8DB79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C8083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F1392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2B101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16458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757AA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EFE84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AEFD2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E32A9B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77661D68" w14:textId="77777777" w:rsidTr="004D7CCC">
        <w:trPr>
          <w:trHeight w:val="315"/>
        </w:trPr>
        <w:tc>
          <w:tcPr>
            <w:tcW w:w="1896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667CE29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Thrombocytopenia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75CFA3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4F7414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C9131D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930E8A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45A44A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609A44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AEFDBD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ED1626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1B8019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B21322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38ED70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9DB993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892521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064E8A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A3EC28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4BACB1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D0DA40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F5A20E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FADADB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4ED1C5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402BAA1A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3832820" w14:textId="77777777" w:rsidR="004D7CCC" w:rsidRPr="004D7CCC" w:rsidRDefault="004D7CCC" w:rsidP="004D7CC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4D7CC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Cardiac disorders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A72B83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3D4344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4A5926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4AF1A8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256E42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03A49C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CEA4DA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97112B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7A6D85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FC86B6C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CDDB7D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6A084E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CD4D29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15F9E8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211539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37DA4F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BF0828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A8A47F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BB7E4A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0E8DB23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4D7CCC" w:rsidRPr="004D7CCC" w14:paraId="579208C5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6297FDC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Tachycardia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1B01A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1B184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7ED62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EB3E4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C14A5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4EB57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937A0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BC5CE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45741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982A21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90439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7EA4E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0.5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899EC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9CA56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828FA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CEB43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E4900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77160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957D3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1F24D7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2CA32D45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8675F29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Atrial fibrillation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BA697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6C84D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3230E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8B229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BA49A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A7725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DB419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6EFAB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96252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01C837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EB5A7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FA18E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992DC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7E146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E220A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0B104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7BCEA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B2CCB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64FE7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283280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26F33C62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B0C87D0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Palpitations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C2DE9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E1871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08678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788EA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05194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A84BC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70031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341FA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AEB89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0EC1C7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0C260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1C4BA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8F802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34A91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46DAE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488EB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9797D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A8BDA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81033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E643FE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3CC9496B" w14:textId="77777777" w:rsidTr="004D7CCC">
        <w:trPr>
          <w:trHeight w:val="315"/>
        </w:trPr>
        <w:tc>
          <w:tcPr>
            <w:tcW w:w="1896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C60446E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Sinus bradycardia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42E1F1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86B2A6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24710E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B614DE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EF78AA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98E6DB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81347B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6B4041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30DA58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D93BDE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7E81D0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EAF846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E76D62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002909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D72362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193E6E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20D43D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1F083D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2FECF2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45E32A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5F811BFC" w14:textId="77777777" w:rsidTr="004D7CCC">
        <w:trPr>
          <w:trHeight w:val="51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1125C2D" w14:textId="77777777" w:rsidR="004D7CCC" w:rsidRPr="004D7CCC" w:rsidRDefault="004D7CCC" w:rsidP="004D7CC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4D7CC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Ear and labyrinth disorders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66D6B5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47A59C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A932EF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13A59B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C520A5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824505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9E7395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C4FFC2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948D25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bottom"/>
            <w:hideMark/>
          </w:tcPr>
          <w:p w14:paraId="64F78BD9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BCE1A5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293A4D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AE8120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9C8ADA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87D27D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A30B01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EA2079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EC8625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E2F829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bottom"/>
            <w:hideMark/>
          </w:tcPr>
          <w:p w14:paraId="6156F1A4" w14:textId="77777777" w:rsidR="004D7CCC" w:rsidRPr="004D7CCC" w:rsidRDefault="004D7CCC" w:rsidP="004D7CCC">
            <w:pPr>
              <w:rPr>
                <w:rFonts w:eastAsia="Times New Roman"/>
                <w:sz w:val="22"/>
                <w:szCs w:val="22"/>
              </w:rPr>
            </w:pPr>
            <w:r w:rsidRPr="004D7CCC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4D7CCC" w:rsidRPr="004D7CCC" w14:paraId="1E1B75F6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71B729A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Hypoacusis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0878E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13129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BD925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A2BDE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5C6BF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A7824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3ED4F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7CA70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2174B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38765E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5D051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9929C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E4C31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1DE0C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447FA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E1988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A49C9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179C1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CB7B9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7511EE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7872447E" w14:textId="77777777" w:rsidTr="004D7CCC">
        <w:trPr>
          <w:trHeight w:val="315"/>
        </w:trPr>
        <w:tc>
          <w:tcPr>
            <w:tcW w:w="1896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E892361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Tinnitus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E1EFEE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624D1E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D94A44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A6EA46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1A5421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BE4EA7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8045C3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A5229E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D1E7C2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58DB9F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923EB7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20CC03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E37009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F1E1E9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1890F4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21BF11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4FC87B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6F0916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6075FF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3F9FD2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51320078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2BA88DD" w14:textId="77777777" w:rsidR="004D7CCC" w:rsidRPr="004D7CCC" w:rsidRDefault="004D7CCC" w:rsidP="004D7CC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4D7CC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 xml:space="preserve">Eye disorders 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21601F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717D4B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E0A600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4D1C4C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4388B1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DFDC85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1BBB92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F7C767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A97B88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8F4E453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E82EC6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574DF9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5746CF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446F0F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654FAA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AE15F5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8D32BE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E07B97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F21E29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C7BB741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4D7CCC" w:rsidRPr="004D7CCC" w14:paraId="6DCF31A9" w14:textId="77777777" w:rsidTr="004D7CCC">
        <w:trPr>
          <w:trHeight w:val="525"/>
        </w:trPr>
        <w:tc>
          <w:tcPr>
            <w:tcW w:w="1896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648DCDB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Lacrimation increased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44D683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8A3073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15822D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D3D80D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B84F08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60B5F7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D59AFD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4BBCEF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400410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8CBC58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C66461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A9B4C4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2C9FF8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A5DDA8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D95551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4EF453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A3EA58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061B48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F57F35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C1E347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52CEFEF9" w14:textId="77777777" w:rsidTr="004D7CCC">
        <w:trPr>
          <w:trHeight w:val="51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0B11356" w14:textId="77777777" w:rsidR="004D7CCC" w:rsidRPr="004D7CCC" w:rsidRDefault="004D7CCC" w:rsidP="004D7CC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4D7CC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lastRenderedPageBreak/>
              <w:t>Gastrointestinal disorders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3F964B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75A318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FEC67C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1132C6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D5CAD1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D29B8E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A65215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A7ABA6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70C5BE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95EB39B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1D3A3D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503CCF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399468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FF575C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C74EBE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24C58F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BBE66D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83B798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270D73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93BB658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4D7CCC" w:rsidRPr="004D7CCC" w14:paraId="7E614E40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A18685A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Abdominal pain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6832F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78FC2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6D979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5D63A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C4074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582F4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1B3DC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1E5DA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FB9F6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91EA35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6DC6B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6CCFC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6B6D0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4211F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B8E12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A2E26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D42A3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652F3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D12EA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2F7255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113DAA8D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603FBE9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Constipation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E413D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DA75E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EAD5D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1B9EA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A27A4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3A018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59B57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93881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D9EAB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70D9BF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25ECE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FE82B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0.5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EA22D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4762F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AC042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2934F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E118C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7F931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3A66D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C883A9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09CFA807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5C48D1D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Dry mouth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66334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C9146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20EB2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E9AC9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8F78C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18FBD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81BAD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E8FD1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41CC9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352C55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6ACBC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17FA9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F54B4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557CC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A152B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EED76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C94DC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B88A5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A0831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1D23F3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5D10F5FD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E6DCADD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Dyspepsia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0C749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E101A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08F36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6E95C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75BC1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BD269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7ECBF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63C3C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59BB1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76A9A5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AF347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7DDDE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B5D06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08430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002DF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EF84F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CDC33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C6DEA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57DBE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D9BCCE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263D0521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EB9C1C0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Flatulence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4AD09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313C2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DD4AF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925C7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F246E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96E78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3E121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49F98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F6170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0DDDB0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288EE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00362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2B1D8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18EBA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15728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D7B7D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B4137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5C633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57601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40F33A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1AA49AE7" w14:textId="77777777" w:rsidTr="004D7CCC">
        <w:trPr>
          <w:trHeight w:val="51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DFA81B5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Mucosal inflammation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4EB18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FC76E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6A825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17183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08393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87C0E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005A8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9DA32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887B9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EFB004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46F0F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965AA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20209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901B7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7AEC2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C1EC3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90746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CDFBD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42527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361D13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6012EEA4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7D75AEC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Nausea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C7E2C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52E9D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9.7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E1D43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98210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37963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8A3D7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65637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A48BB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91B98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B86A6F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C10DE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402B0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BF243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DC9A0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0D24A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430F8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B77C3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244EF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F5906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BB0936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3CCD4210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159F3D3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Vomiting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EBD53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5FB0F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13E11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AF5AD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3DC7F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2C6BD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31607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4F3EE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2DE7A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D1DF96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F562D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DDD98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EDE5F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9BCC6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FD9AE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2CA10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2B69B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83138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90120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E10926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187A8B41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96C2A4B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Dysphagia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9F47D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94506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DD9A4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751A6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8264C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6179E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8DF7D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6AE9E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9BE5C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CCA2F1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7CBF7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C9668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70563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A9374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BA85D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AC99C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93AAD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0D4A7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EE09E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EFE9A8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60DB6BB1" w14:textId="77777777" w:rsidTr="004D7CCC">
        <w:trPr>
          <w:trHeight w:val="51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03CF32A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proofErr w:type="spellStart"/>
            <w:r w:rsidRPr="004D7CCC">
              <w:rPr>
                <w:rFonts w:eastAsia="Times New Roman"/>
                <w:sz w:val="20"/>
                <w:szCs w:val="20"/>
              </w:rPr>
              <w:t>Gastrooesophageal</w:t>
            </w:r>
            <w:proofErr w:type="spellEnd"/>
            <w:r w:rsidRPr="004D7CCC">
              <w:rPr>
                <w:rFonts w:eastAsia="Times New Roman"/>
                <w:sz w:val="20"/>
                <w:szCs w:val="20"/>
              </w:rPr>
              <w:t xml:space="preserve"> reflux disease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494EB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5DFF7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1DBC5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D010A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1CB55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655AB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55FA5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71CFF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443A4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E7D9AA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A3BEA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D6FF4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0B967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98271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1FE78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0322C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59283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67D72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B6274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B0E5B9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3E8F2F7E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CBF50F9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Heartburn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923AF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ED261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DC278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E690E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520D1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CC178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AF3B0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797DF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E1A26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B201C1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E1792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F1201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67D25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FC325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24D17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844DD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AB373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728B4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57040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F417E1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75A944FB" w14:textId="77777777" w:rsidTr="004D7CCC">
        <w:trPr>
          <w:trHeight w:val="315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61DC76C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Loose stools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783B2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80F9A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F5D93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9A647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0C716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67969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0A248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2950C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0C991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758F28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5DC8B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EAD95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A1DBC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78C84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A7BF4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61FA4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CA8C4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74FCA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0E541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5BD992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0739AB91" w14:textId="77777777" w:rsidTr="004D7CCC">
        <w:trPr>
          <w:trHeight w:val="765"/>
        </w:trPr>
        <w:tc>
          <w:tcPr>
            <w:tcW w:w="1896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9C84CE3" w14:textId="77777777" w:rsidR="004D7CCC" w:rsidRPr="004D7CCC" w:rsidRDefault="004D7CCC" w:rsidP="004D7CC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4D7CC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 xml:space="preserve">General disorders and administration site conditions </w:t>
            </w:r>
          </w:p>
        </w:tc>
        <w:tc>
          <w:tcPr>
            <w:tcW w:w="40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3A9C79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91991D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ABA822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5DD57A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D37AD8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1C7BEB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CAE333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7B0D0B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B03FF5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5924F20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0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F27684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B94B0B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80BB76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A48F3D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17C3D1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C00CA8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B26546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E3D28C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110D77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A3E6872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4D7CCC" w:rsidRPr="004D7CCC" w14:paraId="59118FF9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A779E76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Fatigue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06E4F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8AB83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5.5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CAD43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3B92C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7AA57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2BE4B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F2D3D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B5CD3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8FEA8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225854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75CF4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9DA75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6.3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29988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CE8BA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CF65B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7D3F1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E9747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26251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6ABD9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5F87E4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000D87CC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1CD2FE2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Oedema peripheral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B29E3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6C3E6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A3E05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E3714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7CB52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3ECAF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FD8D9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2CEF1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DCD8B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F71AC8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F4BA0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9118C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703E4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129F5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7762C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1589D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56E31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53A4B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E361A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525A3E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0F26FBCF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21F5D66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Chest pain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4EE60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DC599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65B9A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90976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0E4DA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C5A85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D876B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4FF5A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90862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4764DC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9257B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3C809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1F058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2363C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B8C14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DBD32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3F691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AF517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D6738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21B5F6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6748362D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596F96E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lastRenderedPageBreak/>
              <w:t>Influenza like illness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EBEAD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9E34C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5C2A2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CB302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0240C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7BBD3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1736F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A51E0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7D495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6731F7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8AED0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B4D6E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A4305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DF085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50CFA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3BC4F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FF01B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F234E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E4772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DBD03D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101A2D9B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853409A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Non cardiac pain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E22F2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37075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2256B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65CC2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56B37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2EA86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FF53A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391E8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54503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895686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D21F6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0B041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A99CC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F0932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4AFC1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B6CB6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A6640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58DF3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7876C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070BD4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020FC731" w14:textId="77777777" w:rsidTr="004D7CCC">
        <w:trPr>
          <w:trHeight w:val="315"/>
        </w:trPr>
        <w:tc>
          <w:tcPr>
            <w:tcW w:w="1896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7543A7F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Pain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554F3E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71DAF9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8E7444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B32FF4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E783C6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5B3288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5273B8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D22A9F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5E03ED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6D8194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B4E515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694732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813016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C28A80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EC2DA9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449196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360DEA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64BBDF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2C4414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E099E6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6CFD0A5E" w14:textId="77777777" w:rsidTr="004D7CCC">
        <w:trPr>
          <w:trHeight w:val="51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2596590" w14:textId="77777777" w:rsidR="004D7CCC" w:rsidRPr="004D7CCC" w:rsidRDefault="004D7CCC" w:rsidP="004D7CC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4D7CC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 xml:space="preserve">Infections and infestations 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9A1916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C12E51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1AC4A6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F6EB72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B357C4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3AF4DD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D08306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3F54A0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9E30A0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ABC544D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FAD035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1270F8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84D3A0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B792CB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873E5B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6FDCE8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7AA4CC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10EAE6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10234B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E26AE64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4D7CCC" w:rsidRPr="004D7CCC" w14:paraId="67A71CCB" w14:textId="77777777" w:rsidTr="004D7CCC">
        <w:trPr>
          <w:trHeight w:val="51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283A266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Upper respiratory infection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F9EC6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EF4B5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292DB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CC277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12D37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47C19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DAA8A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83FC1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6B8CE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20A0FE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10E66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642DA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381B8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8535A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6739A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1C9A1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50EC1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7E89A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74586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D71892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502EE2BA" w14:textId="77777777" w:rsidTr="004D7CCC">
        <w:trPr>
          <w:trHeight w:val="51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108751C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Urinary tract infection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81731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28EA8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B95D1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33EE8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518D7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AD472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8F881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64F44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FB656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A6E5A6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8E81B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13766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B2A30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258B0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526D1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2F1ED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BFB72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E2868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507D0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3D8688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3E787A7B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1BCD1C3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Balanitis candida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C7F7A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74F5B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03803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59A44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01094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CD7A1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D20FB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B191E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37547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6B105C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371F8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C2148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9B452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B7F00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7F619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CF575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565FB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A3221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60673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76450B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12B526C9" w14:textId="77777777" w:rsidTr="004D7CCC">
        <w:trPr>
          <w:trHeight w:val="315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EFF94E8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Oral candidiasis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00420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F2C84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FA710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CE476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96D11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DFB3B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FF8B5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906FA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19241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58AD4C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11E69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C89C0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15A82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E0DF8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ECCF9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E54DA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E1636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AE33F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0B64C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D25803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0F8A37D9" w14:textId="77777777" w:rsidTr="004D7CCC">
        <w:trPr>
          <w:trHeight w:val="300"/>
        </w:trPr>
        <w:tc>
          <w:tcPr>
            <w:tcW w:w="1896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A9DB9B5" w14:textId="77777777" w:rsidR="004D7CCC" w:rsidRPr="004D7CCC" w:rsidRDefault="004D7CCC" w:rsidP="004D7CC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4D7CC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Investigations</w:t>
            </w:r>
          </w:p>
        </w:tc>
        <w:tc>
          <w:tcPr>
            <w:tcW w:w="40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EA3E4B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6483D5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22723F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85BC12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8CC891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F74E32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7FC72E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090295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B4E3EC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C98ADC0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0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4E707F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3E9880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6D0A3D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2EB8A7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6EA71F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0E42E7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296E77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7F76D7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FEE501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8A43B78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4D7CCC" w:rsidRPr="004D7CCC" w14:paraId="2244715F" w14:textId="77777777" w:rsidTr="004D7CCC">
        <w:trPr>
          <w:trHeight w:val="51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48D3DB9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Blood alkaline phosphatase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85BD6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BFA7B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91805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F4EB7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FACD2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9C908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60881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50E0E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D0A08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1AB7E7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1F54C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041CF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D77B3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9E6D6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D8F23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D23A3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0F6BC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A776E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8A720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D459A7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0D25D26A" w14:textId="77777777" w:rsidTr="004D7CCC">
        <w:trPr>
          <w:trHeight w:val="765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6BE19C3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Blood alkaline phosphatase increased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EF15E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28CE8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88226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9CB1F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63534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7F884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9B63A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4A09E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6ACAC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5F1B7F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2B54D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61F12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6E32F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A65C5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304B7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CB1AD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D1C6C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C3B93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A5C65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DB7543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13E4A062" w14:textId="77777777" w:rsidTr="004D7CCC">
        <w:trPr>
          <w:trHeight w:val="51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F05F496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Blood creatinine increased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8514A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7635B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F8832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CC53C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B790C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39E9B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C755D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34DC7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FAA66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FCDDFA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0B0D7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11A19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702F3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CF136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288E3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E4C37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2BDD9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E09B2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AD3B4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0C8D6C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2366B07E" w14:textId="77777777" w:rsidTr="004D7CCC">
        <w:trPr>
          <w:trHeight w:val="765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4E98E64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Gamma-</w:t>
            </w:r>
            <w:proofErr w:type="spellStart"/>
            <w:r w:rsidRPr="004D7CCC">
              <w:rPr>
                <w:rFonts w:eastAsia="Times New Roman"/>
                <w:sz w:val="20"/>
                <w:szCs w:val="20"/>
              </w:rPr>
              <w:t>glutamyltransferase</w:t>
            </w:r>
            <w:proofErr w:type="spellEnd"/>
            <w:r w:rsidRPr="004D7CCC">
              <w:rPr>
                <w:rFonts w:eastAsia="Times New Roman"/>
                <w:sz w:val="20"/>
                <w:szCs w:val="20"/>
              </w:rPr>
              <w:t xml:space="preserve"> increased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08746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66B11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A3B99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1466B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B6756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C26C8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CA197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3E9F7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78D13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6FF89F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5CB82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11677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BB1C0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2EB2D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90102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C8F33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27B4F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571B3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BCB80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2EC6EE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6462C942" w14:textId="77777777" w:rsidTr="004D7CCC">
        <w:trPr>
          <w:trHeight w:val="525"/>
        </w:trPr>
        <w:tc>
          <w:tcPr>
            <w:tcW w:w="1896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58D8F4A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White blood cell count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2BEE89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0EDD97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FBCD10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9AB936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64256C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A08801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325C93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BA62AC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0C4440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471A2D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6801E9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C21771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AE1B19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F662B8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DA156D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18DBD7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5AB4B8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77CB80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6ACE3C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1AAE6B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37C86399" w14:textId="77777777" w:rsidTr="004D7CCC">
        <w:trPr>
          <w:trHeight w:val="51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CCFD8B2" w14:textId="77777777" w:rsidR="004D7CCC" w:rsidRPr="004D7CCC" w:rsidRDefault="004D7CCC" w:rsidP="004D7CC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4D7CC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lastRenderedPageBreak/>
              <w:t>Metabolism and nutrition disorders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B8F7D7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08980C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BDCCE3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6A1A13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771D40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A9EBA2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C14EFC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000F09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4D9EEB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5D65E43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EAEF5A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ED46AE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BD6C22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EA35E9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22F227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B09915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EDAF71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7062C8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8A7FAE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750F4B4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4D7CCC" w:rsidRPr="004D7CCC" w14:paraId="08229F6C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DA1C5FE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Anorexia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3559D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C492A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39F83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F3312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B0F48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A2306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2759A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A70FA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10EF3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DB5A73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DD809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9BDC6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624AC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DCAB4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A4D3C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5E8B6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17F5F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44F4D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72387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5ED354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6628DBAD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34A9A8C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Hyponatraemia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17BC0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96651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AFF9F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14784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58157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3B400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1349C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02CC0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594BB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EBA369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CC546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CE093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45810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743D9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6BA55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B2F27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0D973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6F628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24134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E04B88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0BF78262" w14:textId="77777777" w:rsidTr="004D7CCC">
        <w:trPr>
          <w:trHeight w:val="315"/>
        </w:trPr>
        <w:tc>
          <w:tcPr>
            <w:tcW w:w="1896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8806F9D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Altered taste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246A5D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B55E23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8D4CE3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6F7402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6644EB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12D823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9E8BAB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04EDBC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C53874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B79FBB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1BAB9F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37CA5F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FF9181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21EA6F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CF72AF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1372CA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CB8D8F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A691EF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DD6382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E35407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0904AECF" w14:textId="77777777" w:rsidTr="004D7CCC">
        <w:trPr>
          <w:trHeight w:val="315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1519908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Hypercalcaemia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68A0E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F24F7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E0020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BB2A1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4AF39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6F16D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CCC23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42F4E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BAC5D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A44CD9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8F860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1482A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E5BDB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AB653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573CC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C4A9C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B192A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53F15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5DE32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EDF567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16080F50" w14:textId="77777777" w:rsidTr="004D7CCC">
        <w:trPr>
          <w:trHeight w:val="765"/>
        </w:trPr>
        <w:tc>
          <w:tcPr>
            <w:tcW w:w="1896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3B2E8AF" w14:textId="77777777" w:rsidR="004D7CCC" w:rsidRPr="004D7CCC" w:rsidRDefault="004D7CCC" w:rsidP="004D7CC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4D7CC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 xml:space="preserve">Musculoskeletal and connective tissue disorders </w:t>
            </w:r>
          </w:p>
        </w:tc>
        <w:tc>
          <w:tcPr>
            <w:tcW w:w="40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953EDD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999473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E0FCC2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4D776C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EB0EA7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9DDAC8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DF1AC0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120767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B2B11E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B41964D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0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2FEFF9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1601CB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4F9687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4E5AFD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055A40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6427E3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5AF2C1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1F8DF0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94F007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2C90D18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4D7CCC" w:rsidRPr="004D7CCC" w14:paraId="7E61B9C9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E402F60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Arthralgia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66626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D8B0F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093D5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82C4A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BF7EF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77392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D7679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AD624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9FD22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84ECB6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DE446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F3ECC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D0613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2D842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33562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7C364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3A6F0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C1117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C8D4F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C9F829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63641725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621598C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Back pain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74F75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41E09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527AE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415BD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6D06D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AD629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AC22E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C4E9C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48CDD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B0E39A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C78A0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05E80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A45AE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40D08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8D694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0C50C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84FFB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54277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7ADB5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63D940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2A41B98F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1D8E167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Arthritis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4BE2A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43811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BBB6A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5A1A9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BA5C5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74138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1EBB5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05345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B6020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E790CF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F2C5E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9E466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FF5B9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6AAED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C1496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2A37E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AF956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02526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1FFAA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0E0C71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2A311E70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6786962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Hip pain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6FA48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0887C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4E570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6D910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62233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EEEFF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78CCE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5931D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D9542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77F2B1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A5358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032E8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1D74A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11ACB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1BFE9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01AD7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69395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C9FA3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91565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4A933B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07F6127A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969824F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Muscle weakness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B8DF7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6114F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6D5D6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A5424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ECCCC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77C09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24F8D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6C081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7FDB2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10693C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5FE66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16BE6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927B9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9BF5F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38FC9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3E4B1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D2F02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547A8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EEB11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80CA3D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4AED671F" w14:textId="77777777" w:rsidTr="004D7CCC">
        <w:trPr>
          <w:trHeight w:val="51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62F7B9C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Musculoskeletal chest pain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A5C65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B7F4E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3B9D0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03341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F1231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DC005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04BBD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A77C4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5780B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EF1CCE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4EFE1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7633A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A7BD0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0C3E1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B7C6B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4E13D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5C315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DEAC3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81248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564110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605525DB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099F199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Myalgia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D62C2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69EA5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50727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43E4B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A9539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F9648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91AB1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5D5F5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20034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C2A466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DBF1E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DC338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B1078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7A7ED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60CBC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77858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4AC19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F1C27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BEAF7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B5F413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6E47DD12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D9A3BB5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Neck pain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F174A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152C1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487C9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E1773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A74D3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497DA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6697F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E06A7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62517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FDC3F7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7A732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A11D6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F1B7A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1F8D8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86858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BCAEE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8EDCA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B42C3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1023C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F384F5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6D8C254E" w14:textId="77777777" w:rsidTr="004D7CCC">
        <w:trPr>
          <w:trHeight w:val="315"/>
        </w:trPr>
        <w:tc>
          <w:tcPr>
            <w:tcW w:w="1896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5F8E509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Pain in extremity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87780E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B98262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6FDA8E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C445E0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5D75B4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1D48EF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27ECA7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52929E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739E02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25A2D4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8891F6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F871F0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DBEB44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817B69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0C4260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FF4BC3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AE4FDE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DEDF0D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C3D6B7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B502AF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12A2AA8B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48025A9" w14:textId="77777777" w:rsidR="004D7CCC" w:rsidRPr="004D7CCC" w:rsidRDefault="004D7CCC" w:rsidP="004D7CC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4D7CC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Pain left femur area.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3195D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4E43F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91C23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D51C0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A2685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8A3D0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542AC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FB106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B12B0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0CC0C0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F523C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6A89F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3ADE0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64BFE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24044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C5B49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AE150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69269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F9B35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262C81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255C9BAD" w14:textId="77777777" w:rsidTr="004D7CCC">
        <w:trPr>
          <w:trHeight w:val="1035"/>
        </w:trPr>
        <w:tc>
          <w:tcPr>
            <w:tcW w:w="1896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57552F8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lastRenderedPageBreak/>
              <w:t>Neoplasms benign, malignant and unspecified (</w:t>
            </w:r>
            <w:proofErr w:type="spellStart"/>
            <w:r w:rsidRPr="004D7CCC">
              <w:rPr>
                <w:rFonts w:eastAsia="Times New Roman"/>
                <w:sz w:val="20"/>
                <w:szCs w:val="20"/>
              </w:rPr>
              <w:t>incl</w:t>
            </w:r>
            <w:proofErr w:type="spellEnd"/>
            <w:r w:rsidRPr="004D7CCC">
              <w:rPr>
                <w:rFonts w:eastAsia="Times New Roman"/>
                <w:sz w:val="20"/>
                <w:szCs w:val="20"/>
              </w:rPr>
              <w:t xml:space="preserve"> cysts and polyps) 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0FC979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551194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342CDC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4DDE1C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F2C556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2D4574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72463E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A19887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094CDC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7A79DB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4596AF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56858A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F1D9B8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DE3EE3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C37B1D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FAD6AF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AEDE0A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2D0F6E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59C121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F6FF6D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4D7CCC" w:rsidRPr="004D7CCC" w14:paraId="7A22C275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CCCF6F7" w14:textId="77777777" w:rsidR="004D7CCC" w:rsidRPr="004D7CCC" w:rsidRDefault="004D7CCC" w:rsidP="004D7CC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4D7CC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Pruritus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2B47A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67ECE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F7B4E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E3E61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FF214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AD671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59525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B9DF0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ACF0B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09AB38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E549B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49898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2E0C0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8F8E4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51323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01848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4659F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F5CBD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99EE0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34CF36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4021FA96" w14:textId="77777777" w:rsidTr="004D7CCC">
        <w:trPr>
          <w:trHeight w:val="51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28AEF01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 xml:space="preserve">Nervous system disorders 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FFAD7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AD84B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CA4BC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CB156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01A62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50F34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929A7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3D1B6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520E0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3F0C57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D40C1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DFDDF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5314E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551F4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9EE12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3186A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070EC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CDDF6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002B7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C8F4A4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4D7CCC" w:rsidRPr="004D7CCC" w14:paraId="0534CC9C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2971013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Dizziness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50A2F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888D2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9C36E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F35A6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DF8EB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71C00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E1321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4CBE1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24F7E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94755A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AE91E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1F623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08C7E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E8D70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8E350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94652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F9FB8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348E1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3BECD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FF9977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1F4DF9F0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59A335E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Dysgeusia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B18DE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9E320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F1550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59149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77AD4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40A25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A0BA0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0C560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4D6E6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B91958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2123C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6709D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F1A14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C4D34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EACE6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FDC77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DA365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626E3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2BBF1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74F110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13E2C705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D7A3A57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Headache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1CE06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D92C6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8A321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B10DD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6D281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A776D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86B4F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D9AE5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0313E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6206BE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D8399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26F47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7CFDB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1E9E8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B3EE8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D3140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B3251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A3663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95D51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01C2C7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458C1149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DF9D2F8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Mental impairment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1F713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477EB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D5C2D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A0BC7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6C40C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FE212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4BCA7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A2E82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B137E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8BA459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0BFC2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D4753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A0FEF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632B9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8D21F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5CEB5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BDC7B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A49B0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DBBDD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30FF08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50035DDE" w14:textId="77777777" w:rsidTr="004D7CCC">
        <w:trPr>
          <w:trHeight w:val="51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980030D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Neuropathy peripheral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01C1E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79370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41D00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D6825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544A9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BE085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523BF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D2FDB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5D56C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FD650A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E1F4E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7C5B7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CEBF0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822EC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486E1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B4493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6A7DC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6731B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EB738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6BBDC6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74E96C0F" w14:textId="77777777" w:rsidTr="004D7CCC">
        <w:trPr>
          <w:trHeight w:val="315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C34F08E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Paraesthesia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FD487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D0A3C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28519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CE626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A1AF6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D3062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9F798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052F5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F50E0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127964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BC2B6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DA0EE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7B3AE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90126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1FBD4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AC68C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3BEE3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2F552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E1AAF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C6835E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06F9A1C8" w14:textId="77777777" w:rsidTr="004D7CCC">
        <w:trPr>
          <w:trHeight w:val="510"/>
        </w:trPr>
        <w:tc>
          <w:tcPr>
            <w:tcW w:w="1896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9E37236" w14:textId="77777777" w:rsidR="004D7CCC" w:rsidRPr="004D7CCC" w:rsidRDefault="004D7CCC" w:rsidP="004D7CC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4D7CC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Restless legs syndrome</w:t>
            </w:r>
          </w:p>
        </w:tc>
        <w:tc>
          <w:tcPr>
            <w:tcW w:w="40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A157B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AEAFA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950E3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4EC2D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94DBA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BAE4E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EBCF2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76DA3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9E621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926251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68917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A1FE2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9F787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DDD28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E1BE8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576A8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9EB84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11341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08598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360787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2F428539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1C02C81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 xml:space="preserve">Psychiatric disorders 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78293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D18FA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80B26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486D1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8CCFC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0B98A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EC76B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92425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07B58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1CB150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F21DA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68A2C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38A61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48DAC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FE125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1315E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3B5D5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797F9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20B6A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A0BBC4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4D7CCC" w:rsidRPr="004D7CCC" w14:paraId="074D6233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5FDB3C0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Insomnia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E590A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EA866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33A27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ECA92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2191D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E57F3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4E0FB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BE9D5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A6671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5CD094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EA170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8140E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A3B8F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FB5D1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2EAC7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9A65A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39D7F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1FBA1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339CA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E0DED1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606B1BFF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EBD0602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Agitation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9C5F8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08BD7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5963C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54E80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5683F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10E39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F7B0F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4C7B1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1A5A1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BFF54F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6B401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86098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280D6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9628D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A8A70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1C8DD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7B145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C89BF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13E8F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9DDE37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34A01E31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81DFD73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Depression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90E94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5189E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253A1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32666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8F37B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59271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3DA5B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0B9A8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33EB3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3D42D7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E2382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918F5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34EA4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0BF2E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717E7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0D596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2C54E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C3205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BCFA2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2D4B13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1405D16D" w14:textId="77777777" w:rsidTr="004D7CCC">
        <w:trPr>
          <w:trHeight w:val="315"/>
        </w:trPr>
        <w:tc>
          <w:tcPr>
            <w:tcW w:w="1896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DB31E02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Head banging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B932C4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815D1C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81E2F3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9061BF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A6C659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B814F6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AD019A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C740EF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B6E7BD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891885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229973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09B696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528873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ED906A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6E2062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812977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C49FB9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D45824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EA3E75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0EFA12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16F6E713" w14:textId="77777777" w:rsidTr="004D7CCC">
        <w:trPr>
          <w:trHeight w:val="765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E3FF2ED" w14:textId="77777777" w:rsidR="004D7CCC" w:rsidRPr="004D7CCC" w:rsidRDefault="004D7CCC" w:rsidP="004D7CC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4D7CC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lastRenderedPageBreak/>
              <w:t xml:space="preserve">Respiratory, thoracic and mediastinal disorders 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574E02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586962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CFB975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0A83B7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6BBE87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78F99E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0CDB31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41DADD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764EFE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0C11FAB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E8C234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6F31FC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DD7C5E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F90A98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18715D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C1D845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92C6F4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E74A18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12512F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0C16972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4D7CCC" w:rsidRPr="004D7CCC" w14:paraId="77C715EA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90B8146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Coughing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6B105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5EBAC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2F318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8B5FA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E18D8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FFDB5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8EB49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B37EE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17CFD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98D2AD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B2769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7C66E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0.5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859DC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0231D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3F8D9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282E2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7E720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E8EEF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24B96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3E949F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65BC1195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BA0B103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Dyspnoea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B3956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6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7898E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9.4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8E4D4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38611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F141D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78900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3A471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C6227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23D77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C0CB8B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17BDF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8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E08E0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1.1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B51A0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B3571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20756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43DF4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D9AD3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D6EB9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18430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2CFB76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4D7CCC" w:rsidRPr="004D7CCC" w14:paraId="7C2F1589" w14:textId="77777777" w:rsidTr="004D7CCC">
        <w:trPr>
          <w:trHeight w:val="51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AFB642E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Chronic obstructive pulmonary disease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3F3DD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34F23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3D2B4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B13F7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DBC24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B994D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8F843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CF63A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2FEB2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E5DAC1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A07FB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4F9B1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FEA45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F4752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3F2C4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91F10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D8D94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14986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270A1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0BC204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7D9DBA5C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55A2F91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Dysphonia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DF9ED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DCD3A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AF8C3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A249A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F096A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D0A90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F2925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E60BF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66118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8BBE34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0AF64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96F9A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F553A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97773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C5B71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0D270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9DEF5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F382E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F15E2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DB5417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3DAD2933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70361D8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Epistaxis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CD703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56B22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FDDA5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ADF05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EAA81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3FCD8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BBA27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543F1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0628D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15A33E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86D7D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12937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B11A7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5060C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9E8D1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966A9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8308A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EFCF8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FA28B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AF9D6A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4F1E3191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7126384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Hiccups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809E8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4FCB7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3D3CD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53EF5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11409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E770A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DA101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A8E0A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BF68B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B22277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504C3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894B2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15CBB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3551E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93A84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AC008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9C956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1D7B3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0D008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DD9946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2D1ABDC9" w14:textId="77777777" w:rsidTr="004D7CCC">
        <w:trPr>
          <w:trHeight w:val="315"/>
        </w:trPr>
        <w:tc>
          <w:tcPr>
            <w:tcW w:w="1896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46069E8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Nasal discomfort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1CBC82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1C9E54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96D59E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31E40C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AA871B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B1FDF6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0CBA7A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FEA7A2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15DA3A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05D1EC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F73A17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2057FB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80229A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605147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BEF959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14A92B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4EADCD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12792C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635BDD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6BFF4B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04EB34A3" w14:textId="77777777" w:rsidTr="004D7CCC">
        <w:trPr>
          <w:trHeight w:val="765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5EF842F" w14:textId="77777777" w:rsidR="004D7CCC" w:rsidRPr="004D7CCC" w:rsidRDefault="004D7CCC" w:rsidP="004D7CC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4D7CC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Skin and subcutaneous tissue disorders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AEF9D0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B2420E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9CF457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56B06E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BB4B7E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4C1150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4123AB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024FC1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BA8A0A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54E5CE7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4ED764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AA107C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475A3C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5D8CEF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F47E32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9A280C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FF0CC8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9A25E0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ABFEAE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156403D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4D7CCC" w:rsidRPr="004D7CCC" w14:paraId="29EEFB14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E4F07D6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Alopecia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EC868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F2484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CAC39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BDAFB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0A42F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B6D40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F08DB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78C33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E7431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B04D4B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606B4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FF9E7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6F0CC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49139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80782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8DEE7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015E6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90AC0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2565E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AC45B4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6E58ECF9" w14:textId="77777777" w:rsidTr="004D7CCC">
        <w:trPr>
          <w:trHeight w:val="315"/>
        </w:trPr>
        <w:tc>
          <w:tcPr>
            <w:tcW w:w="1896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022F5E5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Night sweats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84044E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4A055A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6025AD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3645B1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C06C7B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B295D6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CF1E84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767CE4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461F46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CEAE9F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B1F7A7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1A8C0F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20009B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680A11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FB0EEB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1C3740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247AA6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2620F1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6EA743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B797A6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603ED1CF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487F175" w14:textId="77777777" w:rsidR="004D7CCC" w:rsidRPr="004D7CCC" w:rsidRDefault="004D7CCC" w:rsidP="004D7CC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4D7CC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Vascular disorders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471003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3E1C42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CEC94C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0D40BA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78EA6D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C61CAF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472B30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507A19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68EA9F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9FDB1EC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9F949C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14F179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808FC4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181FC1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8708E0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6C6A72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3C4E8F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9EB82A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0BF29C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4670BDC" w14:textId="77777777" w:rsidR="004D7CCC" w:rsidRPr="004D7CCC" w:rsidRDefault="004D7CCC" w:rsidP="004D7CCC">
            <w:pPr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4D7CCC" w:rsidRPr="004D7CCC" w14:paraId="2EC56AEF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503D8B3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Hypertension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9D377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650A4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46FA1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F4163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055D7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DEEF6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93081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AAA47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73322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958F23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510A3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01987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0.5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43588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A76B6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D0827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2A220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67C70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4A12C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BF5CF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05D850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4F27251B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6A4234C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Vascular disorders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EAF79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296C0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21C19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0C027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C65AF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9C1B6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D52E2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58EDF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AE7F2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E5144F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CEFE2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FA3E1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2D03A6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F1C47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0B7FF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392C7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6C26E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1E2D6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C1E55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488621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4D7CCC" w:rsidRPr="004D7CCC" w14:paraId="773CF860" w14:textId="77777777" w:rsidTr="004D7CCC">
        <w:trPr>
          <w:trHeight w:val="300"/>
        </w:trPr>
        <w:tc>
          <w:tcPr>
            <w:tcW w:w="1896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BC74B1C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Embolism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9943E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CE700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AD5D9E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ED478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DE94D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009A7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321D4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99C4B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1BB85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67B5C4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903A5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1A923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69135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16C62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BC4A5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7DB23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7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2ADF6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C9D40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D7E74F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4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5D1A89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4D7CCC" w:rsidRPr="004D7CCC" w14:paraId="7C3D7B88" w14:textId="77777777" w:rsidTr="004D7CCC">
        <w:trPr>
          <w:trHeight w:val="525"/>
        </w:trPr>
        <w:tc>
          <w:tcPr>
            <w:tcW w:w="1896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9116711" w14:textId="77777777" w:rsidR="004D7CCC" w:rsidRPr="004D7CCC" w:rsidRDefault="004D7CCC" w:rsidP="004D7CC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4D7CCC">
              <w:rPr>
                <w:rFonts w:eastAsia="Times New Roman"/>
                <w:sz w:val="20"/>
                <w:szCs w:val="20"/>
              </w:rPr>
              <w:t>Orthostatic hypotension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BAC0278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0E782D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C937CB9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124A06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52A2A2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DA0878B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27CA3C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2A30F2A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4896EE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76FCFE1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0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786EDA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E576CA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AEFB507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900CB80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E8BAE03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F9F91FD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7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7B07C24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89733C5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8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BA9B302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4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8450E2C" w14:textId="77777777" w:rsidR="004D7CCC" w:rsidRPr="004D7CCC" w:rsidRDefault="004D7CCC" w:rsidP="004D7CC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4D7CCC">
              <w:rPr>
                <w:rFonts w:eastAsia="Times New Roman"/>
                <w:sz w:val="18"/>
                <w:szCs w:val="18"/>
              </w:rPr>
              <w:t>0.0%</w:t>
            </w:r>
          </w:p>
        </w:tc>
      </w:tr>
    </w:tbl>
    <w:p w14:paraId="28D7C80A" w14:textId="2A55386A" w:rsidR="00022544" w:rsidRDefault="000D2CEE" w:rsidP="00EC5B6A">
      <w:pPr>
        <w:rPr>
          <w:lang w:eastAsia="en-US"/>
        </w:rPr>
      </w:pPr>
      <w:r>
        <w:rPr>
          <w:lang w:eastAsia="en-US"/>
        </w:rPr>
        <w:lastRenderedPageBreak/>
        <w:br w:type="page"/>
      </w:r>
    </w:p>
    <w:p w14:paraId="25F3644D" w14:textId="70A7EF9F" w:rsidR="003268E4" w:rsidRDefault="003268E4" w:rsidP="003268E4">
      <w:pPr>
        <w:pStyle w:val="Caption"/>
        <w:keepNext/>
      </w:pPr>
      <w:r>
        <w:lastRenderedPageBreak/>
        <w:t xml:space="preserve">Table </w:t>
      </w:r>
      <w:r>
        <w:fldChar w:fldCharType="begin"/>
      </w:r>
      <w:r>
        <w:instrText xml:space="preserve"> SEQ Table \* ARABIC </w:instrText>
      </w:r>
      <w:r>
        <w:fldChar w:fldCharType="separate"/>
      </w:r>
      <w:r w:rsidR="00970777">
        <w:rPr>
          <w:noProof/>
        </w:rPr>
        <w:t>9</w:t>
      </w:r>
      <w:r>
        <w:fldChar w:fldCharType="end"/>
      </w:r>
      <w:r>
        <w:t xml:space="preserve">: </w:t>
      </w:r>
      <w:r w:rsidRPr="002C6BBB">
        <w:t>Worst Reported Toxicities overall (Cycle 1 to 30 days post treatment)</w:t>
      </w:r>
    </w:p>
    <w:tbl>
      <w:tblPr>
        <w:tblW w:w="13100" w:type="dxa"/>
        <w:tblLook w:val="04A0" w:firstRow="1" w:lastRow="0" w:firstColumn="1" w:lastColumn="0" w:noHBand="0" w:noVBand="1"/>
      </w:tblPr>
      <w:tblGrid>
        <w:gridCol w:w="1840"/>
        <w:gridCol w:w="399"/>
        <w:gridCol w:w="891"/>
        <w:gridCol w:w="328"/>
        <w:gridCol w:w="890"/>
        <w:gridCol w:w="328"/>
        <w:gridCol w:w="720"/>
        <w:gridCol w:w="328"/>
        <w:gridCol w:w="720"/>
        <w:gridCol w:w="469"/>
        <w:gridCol w:w="720"/>
        <w:gridCol w:w="399"/>
        <w:gridCol w:w="891"/>
        <w:gridCol w:w="328"/>
        <w:gridCol w:w="890"/>
        <w:gridCol w:w="328"/>
        <w:gridCol w:w="720"/>
        <w:gridCol w:w="328"/>
        <w:gridCol w:w="720"/>
        <w:gridCol w:w="469"/>
        <w:gridCol w:w="720"/>
      </w:tblGrid>
      <w:tr w:rsidR="00AC26E8" w:rsidRPr="00AC26E8" w14:paraId="11832B42" w14:textId="77777777" w:rsidTr="00AC26E8">
        <w:trPr>
          <w:cantSplit/>
          <w:trHeight w:val="315"/>
          <w:tblHeader/>
        </w:trPr>
        <w:tc>
          <w:tcPr>
            <w:tcW w:w="1900" w:type="dxa"/>
            <w:vMerge w:val="restart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A2C94CC" w14:textId="77777777" w:rsidR="00AC26E8" w:rsidRPr="00AC26E8" w:rsidRDefault="00AC26E8" w:rsidP="00AC26E8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AC26E8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Table 9: Worst Reported Toxicities overall (Cycle 1 to 30 days post treatment)</w:t>
            </w:r>
          </w:p>
        </w:tc>
        <w:tc>
          <w:tcPr>
            <w:tcW w:w="5600" w:type="dxa"/>
            <w:gridSpan w:val="10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14:paraId="3B55071D" w14:textId="77777777" w:rsidR="00AC26E8" w:rsidRPr="00AC26E8" w:rsidRDefault="00AC26E8" w:rsidP="00AC26E8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Olaparib (N=31)</w:t>
            </w:r>
          </w:p>
        </w:tc>
        <w:tc>
          <w:tcPr>
            <w:tcW w:w="5600" w:type="dxa"/>
            <w:gridSpan w:val="10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14:paraId="47FEB56E" w14:textId="77777777" w:rsidR="00AC26E8" w:rsidRPr="00AC26E8" w:rsidRDefault="00AC26E8" w:rsidP="00AC26E8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Placebo (N=38)</w:t>
            </w:r>
          </w:p>
        </w:tc>
      </w:tr>
      <w:tr w:rsidR="00AC26E8" w:rsidRPr="00AC26E8" w14:paraId="3431D29D" w14:textId="77777777" w:rsidTr="00AC26E8">
        <w:trPr>
          <w:cantSplit/>
          <w:trHeight w:val="315"/>
          <w:tblHeader/>
        </w:trPr>
        <w:tc>
          <w:tcPr>
            <w:tcW w:w="1900" w:type="dxa"/>
            <w:vMerge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vAlign w:val="center"/>
            <w:hideMark/>
          </w:tcPr>
          <w:p w14:paraId="701F44D6" w14:textId="77777777" w:rsidR="00AC26E8" w:rsidRPr="00AC26E8" w:rsidRDefault="00AC26E8" w:rsidP="00AC26E8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5600" w:type="dxa"/>
            <w:gridSpan w:val="10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14:paraId="7AA0B8FB" w14:textId="77777777" w:rsidR="00AC26E8" w:rsidRPr="00AC26E8" w:rsidRDefault="00AC26E8" w:rsidP="00AC26E8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Grade reported (N)</w:t>
            </w:r>
          </w:p>
        </w:tc>
        <w:tc>
          <w:tcPr>
            <w:tcW w:w="5600" w:type="dxa"/>
            <w:gridSpan w:val="10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14:paraId="02E55D1D" w14:textId="77777777" w:rsidR="00AC26E8" w:rsidRPr="00AC26E8" w:rsidRDefault="00AC26E8" w:rsidP="00AC26E8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Grade reported (N)</w:t>
            </w:r>
          </w:p>
        </w:tc>
      </w:tr>
      <w:tr w:rsidR="00AC26E8" w:rsidRPr="00AC26E8" w14:paraId="56B40602" w14:textId="77777777" w:rsidTr="00AC26E8">
        <w:trPr>
          <w:cantSplit/>
          <w:trHeight w:val="315"/>
          <w:tblHeader/>
        </w:trPr>
        <w:tc>
          <w:tcPr>
            <w:tcW w:w="1900" w:type="dxa"/>
            <w:vMerge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vAlign w:val="center"/>
            <w:hideMark/>
          </w:tcPr>
          <w:p w14:paraId="7669A9E6" w14:textId="77777777" w:rsidR="00AC26E8" w:rsidRPr="00AC26E8" w:rsidRDefault="00AC26E8" w:rsidP="00AC26E8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A7DDBB" w14:textId="77777777" w:rsidR="00AC26E8" w:rsidRPr="00AC26E8" w:rsidRDefault="00AC26E8" w:rsidP="00AC26E8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8F22E78" w14:textId="77777777" w:rsidR="00AC26E8" w:rsidRPr="00AC26E8" w:rsidRDefault="00AC26E8" w:rsidP="00AC26E8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ED7BC6" w14:textId="77777777" w:rsidR="00AC26E8" w:rsidRPr="00AC26E8" w:rsidRDefault="00AC26E8" w:rsidP="00AC26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2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AB22E07" w14:textId="77777777" w:rsidR="00AC26E8" w:rsidRPr="00AC26E8" w:rsidRDefault="00AC26E8" w:rsidP="00AC26E8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9C86E0" w14:textId="77777777" w:rsidR="00AC26E8" w:rsidRPr="00AC26E8" w:rsidRDefault="00AC26E8" w:rsidP="00AC26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3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FEF3263" w14:textId="77777777" w:rsidR="00AC26E8" w:rsidRPr="00AC26E8" w:rsidRDefault="00AC26E8" w:rsidP="00AC26E8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6CF933" w14:textId="77777777" w:rsidR="00AC26E8" w:rsidRPr="00AC26E8" w:rsidRDefault="00AC26E8" w:rsidP="00AC26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4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DA0EF78" w14:textId="77777777" w:rsidR="00AC26E8" w:rsidRPr="00AC26E8" w:rsidRDefault="00AC26E8" w:rsidP="00AC26E8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0FB58D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3+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FB4855E" w14:textId="77777777" w:rsidR="00AC26E8" w:rsidRPr="00AC26E8" w:rsidRDefault="00AC26E8" w:rsidP="00AC26E8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6D21E5" w14:textId="77777777" w:rsidR="00AC26E8" w:rsidRPr="00AC26E8" w:rsidRDefault="00AC26E8" w:rsidP="00AC26E8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4BA2841" w14:textId="77777777" w:rsidR="00AC26E8" w:rsidRPr="00AC26E8" w:rsidRDefault="00AC26E8" w:rsidP="00AC26E8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A72C30" w14:textId="77777777" w:rsidR="00AC26E8" w:rsidRPr="00AC26E8" w:rsidRDefault="00AC26E8" w:rsidP="00AC26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2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C5720D4" w14:textId="77777777" w:rsidR="00AC26E8" w:rsidRPr="00AC26E8" w:rsidRDefault="00AC26E8" w:rsidP="00AC26E8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93345E" w14:textId="77777777" w:rsidR="00AC26E8" w:rsidRPr="00AC26E8" w:rsidRDefault="00AC26E8" w:rsidP="00AC26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3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B4CBB57" w14:textId="77777777" w:rsidR="00AC26E8" w:rsidRPr="00AC26E8" w:rsidRDefault="00AC26E8" w:rsidP="00AC26E8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BBAD21" w14:textId="77777777" w:rsidR="00AC26E8" w:rsidRPr="00AC26E8" w:rsidRDefault="00AC26E8" w:rsidP="00AC26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4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FEDB17D" w14:textId="77777777" w:rsidR="00AC26E8" w:rsidRPr="00AC26E8" w:rsidRDefault="00AC26E8" w:rsidP="00AC26E8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BEF4D5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3+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4C362DA" w14:textId="77777777" w:rsidR="00AC26E8" w:rsidRPr="00AC26E8" w:rsidRDefault="00AC26E8" w:rsidP="00AC26E8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%</w:t>
            </w:r>
          </w:p>
        </w:tc>
      </w:tr>
      <w:tr w:rsidR="00AC26E8" w:rsidRPr="00AC26E8" w14:paraId="2A677102" w14:textId="77777777" w:rsidTr="00AC26E8">
        <w:trPr>
          <w:trHeight w:val="510"/>
        </w:trPr>
        <w:tc>
          <w:tcPr>
            <w:tcW w:w="19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3575923" w14:textId="77777777" w:rsidR="00AC26E8" w:rsidRPr="00AC26E8" w:rsidRDefault="00AC26E8" w:rsidP="00AC26E8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AC26E8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Blood and lymphatic system disorders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036875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CB3B0D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A546CC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9A01A9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3E8C7C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A02D98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01CAB3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CA34DB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5A964A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A4481D4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35800D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7E4AFD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0FA4B3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2E4A3C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E2A627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0D1583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FF1948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79BF11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A3B5D6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883913C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AC26E8" w:rsidRPr="00AC26E8" w14:paraId="756B9962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D6714C5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Anaem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94A88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1115A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2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78C21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BAFA6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6.1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25C3B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D161E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A687E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B89BB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3A531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7922EC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19ACE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9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0B430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3.7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17625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23CA8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1D04E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52727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FE9AA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7E999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D7B2F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8F9778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B126D96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BE843E8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Lymphopen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81E62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6691C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F42B1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2594A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C4A43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DC616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9214E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37FD7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040B8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C3B54E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35A68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420C6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E31F0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29B47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FE300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851F8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179E0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15D1B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1B90F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B95C0C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3E6BBD6B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D02E9AA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Neutropen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CACDE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4960F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9.7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19EC5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8C0B0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8F4A4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217DF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EAC72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E6C2C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CB8BE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6C2486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604F1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C6FD9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FC958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02256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62B35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8619D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9A512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273AE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0C6B1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374444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63E1169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64E8E1C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Thrombocytopen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AE92A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3CD94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9.7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682CA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85841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29518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2891F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746AE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34EB6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382BC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5F37AA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B650E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49C89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A2190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A82F1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243D2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4A13C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E5654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6B202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BE07A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F37AEE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1EDEB3E" w14:textId="77777777" w:rsidTr="00AC26E8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62ED138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Leukopen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1D36A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C647F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C3710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D4BA8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05308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23703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94477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86927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AEEC0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AA2875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2FD00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4D77B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F5632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EA465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99F3E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2E3BB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B56C5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0A1A6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A492C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B9EB0B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09F57373" w14:textId="77777777" w:rsidTr="00AC26E8">
        <w:trPr>
          <w:trHeight w:val="300"/>
        </w:trPr>
        <w:tc>
          <w:tcPr>
            <w:tcW w:w="19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F667B1E" w14:textId="77777777" w:rsidR="00AC26E8" w:rsidRPr="00AC26E8" w:rsidRDefault="00AC26E8" w:rsidP="00AC26E8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AC26E8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Cardiac disorders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8E26AE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6ED9EB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AAFE31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E64DE8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478849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443701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FEFD14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3FA855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2983F9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FB898B0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C65860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393CCE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DE9430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E7B7E6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86D0D2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05BFBD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997905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C499F8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53A12C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25B0C58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AC26E8" w:rsidRPr="00AC26E8" w14:paraId="231B9746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85AB056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Tachycard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2B978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5FF58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5BD2D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B4CA9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CDC59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21586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48D2D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CC514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56D0D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997470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8C15A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289B0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CFA40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D43D2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3B5CE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690D2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2A39D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FA523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31B32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3B35DA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089287D8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4870B3A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Atrial fibrillat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C6B61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45751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A9C54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01168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CABAB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6A182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2DA54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2A5A1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CF71F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B53AE0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481D3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954BD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8BBC9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CFCBB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C829C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F713B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BBAF8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492D9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672DD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45629E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1CB304BB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87225C8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Palpitation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20725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CEBFF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A7D44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8693D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E1500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C70E1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74F02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2F14C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3C66F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445E6D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B4D3C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2CD8F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8DA3D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D2B2C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21C0C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EC8FF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5CE20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592AA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C6DE6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D4FE28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09AB7C3" w14:textId="77777777" w:rsidTr="00AC26E8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AC934AE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Sinus bradycardia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3F6BA4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B54D8B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10A8A5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C693B3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C11752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4C7967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7E4D39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094FDD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EDB531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F0E4F8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30CAE4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887A0C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62FE63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69F590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A26DFA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05F8E9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CED3CA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43C7C5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F7A7C0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8F6013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3BB3DA0E" w14:textId="77777777" w:rsidTr="00AC26E8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A888092" w14:textId="77777777" w:rsidR="00AC26E8" w:rsidRPr="00AC26E8" w:rsidRDefault="00AC26E8" w:rsidP="00AC26E8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AC26E8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Ear and labyrinth disorder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B91484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54DDA1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C71C83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9DC22D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2F2A76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7CE348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282902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BA021F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F05BA4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8F89080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CC43F5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57F675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96A1ED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CEB626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2E9A5C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E48AFE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B52EBB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CE8A89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A57200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11347BC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AC26E8" w:rsidRPr="00AC26E8" w14:paraId="29BCB302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DC10DFE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Hypoacusi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42D15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65F16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EB3E4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C0402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69A0E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4FD45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917CB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6B8A3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A36B3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E556FD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AFF73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AD26E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BAE91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8D5B3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F145F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16E22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EF244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4F620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7177A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A07D67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3BFFE8A" w14:textId="77777777" w:rsidTr="00AC26E8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72C2AA5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Tinnitus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46CCA6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C9D3EF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7862F8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1DA09B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4B26EE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C55056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4BC517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78D825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ACD399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E27195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D04F7F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2A9061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95B478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DD4794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B3CCA0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61FE58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0B47A1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6BC208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A392EB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EC2017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5EA3FE9C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794BDB7" w14:textId="77777777" w:rsidR="00AC26E8" w:rsidRPr="00AC26E8" w:rsidRDefault="00AC26E8" w:rsidP="00AC26E8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AC26E8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 xml:space="preserve">Eye disorders 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3ED731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D2581A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8ACD76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F916E9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F0C9D3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7B940C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EB5585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3C9BE6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356C19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880AEA1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B8557D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B4981D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3C8C8A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E87B93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D99065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852BF0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F36756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D01D38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FDB20E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7A48C37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AC26E8" w:rsidRPr="00AC26E8" w14:paraId="183CB690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46B7E56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lastRenderedPageBreak/>
              <w:t>Blurred vis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DA970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E02BE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01004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74890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B96DD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B8AA7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6FDE9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BAEE0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4AF5C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4C3048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92260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C8E89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8F450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58713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FC29F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E3B50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A50A4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88819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DF52A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2725BE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AC26E8" w:rsidRPr="00AC26E8" w14:paraId="0435DF50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C347FA3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Eye disorder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117B7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B94ED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11FE5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5856F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0CC3A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BBB98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CA8A8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302B8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031B3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D37A46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AC0A8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1D56A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913A2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6FBD1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B5B83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687A2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24280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1F7A6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A81C5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954C5D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04B9F0E5" w14:textId="77777777" w:rsidTr="00AC26E8">
        <w:trPr>
          <w:trHeight w:val="525"/>
        </w:trPr>
        <w:tc>
          <w:tcPr>
            <w:tcW w:w="19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1C4A142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Lacrimation increased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F6B265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CAB78E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94A1BD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B1A225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4A3BEA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8D66AE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4D0166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DF767C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753E26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82259D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8DDA30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9C47BD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1D0C73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17690F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CA36E3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4C7960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7D2B1C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8FA099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B4E9C7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1D5DE3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5AF0A066" w14:textId="77777777" w:rsidTr="00AC26E8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C5B34AB" w14:textId="77777777" w:rsidR="00AC26E8" w:rsidRPr="00AC26E8" w:rsidRDefault="00AC26E8" w:rsidP="00AC26E8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AC26E8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Gastrointestinal disorder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006CCA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5A427E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B5D60F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E1D8B7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43A11A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8813E6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7033E6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83D420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6D93BC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8C97168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108204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58A81F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3690D8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5F714D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8A9814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F8E98A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244EC5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EE83CE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433E11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CB0EFE9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AC26E8" w:rsidRPr="00AC26E8" w14:paraId="1FDB2E82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C46527A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Abdominal pa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D701F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732CE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8F9C4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6A0B6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446B8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DEC0B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94D53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C3C46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52306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F16E35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1C3BE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31CDD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B2F6F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BA3D1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C6DC3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FB3F0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AD3AC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B55C6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A5DEE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46488A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1511CCB3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69401C6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Constipat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14ECE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D07FC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9.7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C2E1C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5CDCD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90475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0DD9C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67925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65C32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FDC90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215DB0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813C8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FC6A8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7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8F993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F549C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1BB0E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5F744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FD7FA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16B67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6368D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8BA105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213DB420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6E6A280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Diarrhoe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F5008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22612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2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F6302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A0E10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E5226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66B6D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8150F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0CCF8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8345A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11464B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69D31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6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D331A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5.8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24C4E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A1FD8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88CFD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99EE6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5BBEF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B9993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38AA0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3DEB11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.2%</w:t>
            </w:r>
          </w:p>
        </w:tc>
      </w:tr>
      <w:tr w:rsidR="00AC26E8" w:rsidRPr="00AC26E8" w14:paraId="6CD04DB7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733FC80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Dry mouth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6AA24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E0473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192FD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4D6A8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FC217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9CD86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27B3A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23D04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FA1FF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0AA11D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7B324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44D17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0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23BB7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DA73E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9E4CC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F5180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A8D69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3DEC8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A79FF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2B0343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1FFD7EA8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E424B9C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Dyspeps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5B695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E4843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9.7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B0535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7A476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135FE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527D5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9ECEB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6D1C1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DBA7D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CC3159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1FE89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7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2AE58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8.4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B49C3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D92BC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71C75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FA129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A8734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5BB37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002D4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5D4CE5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31F12F6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AF0C7B3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Flatulenc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2A019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8C808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2AD5F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5F3D4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BF666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C8ABA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6CFF0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808A9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51443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BB2631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8F7DC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D85B9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3F4B4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38F52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21E91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F8880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87388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8F7D0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BCA9B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BC8D84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17C9284" w14:textId="77777777" w:rsidTr="00AC26E8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A272D0E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Mucosal inflammat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F822B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589BE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61A31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BA8FB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27F13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5E8CD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4F2D7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8F072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11C7A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325D1F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F60C8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4BC90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6AC7B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7B77B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AD6E7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73BF2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78C83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A5641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FE4B4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E99E89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51577410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30DAB7E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Nause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78DCF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3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C0A6B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41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C7EDC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F8DEF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2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8E085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E1D57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C6AEA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277C5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D9BB4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AF3142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59B36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7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45358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8.4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23B9E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A0041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0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CB095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32B7B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BE77D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07577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B3D94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2A28F1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575BC288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30C7171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Vomiting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68B78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5631E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2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C44B2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84A6E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9.7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04F16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AD901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7EECB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4B572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5C7CD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22E2AF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33C81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8FB2D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7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CD649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99817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08DFC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7D2FC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9DD8E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95FA7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B59E9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290C82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178B1C3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642BBFC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Bloating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32B7E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C6988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D5302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A5373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43F3C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ECC98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FB1F0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E1F5C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9DDF6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98F662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4EBEC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FAE07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822A3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99886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12686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3D005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4365F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ABBCE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79B8C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3B2E7F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7BBECAB8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E485BEF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Blocked stent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FBAE5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5C73F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D95FD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3F5D7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F0FF8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870C7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F552A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71617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B5931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7D87FF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B12F4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703BE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B780E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D8482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53CE5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209E5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67B0F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FDF95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54064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581B30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5955E16F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173DC3E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Device occlus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D529D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B2E57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1AB1B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20BA6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9CFEF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EDAD3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19B60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69B94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F4FD1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59DDBE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092AF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C32D7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B3E3E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3A0AA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B863D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DA220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57CC2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4069D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29E77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3A202E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5B6EC42A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EB63BC9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Dysphag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206D6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11EB0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72208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5651E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90DE9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B902C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AB782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2D92C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6422D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098C65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FE526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ABD58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2B073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C08FC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5904D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1A5D8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82E63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C60A6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8A872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970E78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63BC6A5C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36859D9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lastRenderedPageBreak/>
              <w:t>Faeces pal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4BA47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F1196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68A31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4684C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616A3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348D3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1AF4B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29DF2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61AAA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CDC0B2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A4AC2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6C93C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6F1E8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F3EEE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21BC9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4B983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1B166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38200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316A8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ACFDF7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25A31F08" w14:textId="77777777" w:rsidTr="00AC26E8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E4949FA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proofErr w:type="spellStart"/>
            <w:r w:rsidRPr="00AC26E8">
              <w:rPr>
                <w:rFonts w:eastAsia="Times New Roman"/>
                <w:sz w:val="20"/>
                <w:szCs w:val="20"/>
              </w:rPr>
              <w:t>Gastrooesophageal</w:t>
            </w:r>
            <w:proofErr w:type="spellEnd"/>
            <w:r w:rsidRPr="00AC26E8">
              <w:rPr>
                <w:rFonts w:eastAsia="Times New Roman"/>
                <w:sz w:val="20"/>
                <w:szCs w:val="20"/>
              </w:rPr>
              <w:t xml:space="preserve"> reflux diseas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A7CDA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88F3E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01D15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C8CA2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0001F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57A19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DE0CC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9DAEC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46B27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A39D64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DE211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A8F54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D78BC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1A0E0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9A3B3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DE06F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BF149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85C84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6173C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9A3A2A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770B5D2C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DEA4B3F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Heartbur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55ABD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AD5B8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9DF5E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EF9C4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4AFED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1FA75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64A78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7AB7F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F11A5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E8C1C5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286AA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8F9CB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7B3C6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C8BF7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660AE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BC1AA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56518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81927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DD89F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002D0A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221A2116" w14:textId="77777777" w:rsidTr="00AC26E8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A025E45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Loss of appetite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7E7252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98929D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E1669A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CDF277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7FAFD1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2CC3FF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0BF7E3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D59CB6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8DC72C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C2BFFA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EFB8ED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3A2F05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CEC3D6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DFDABC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7B3028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975A33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103D74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B66147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62BB4A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5BE56F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AC26E8" w:rsidRPr="00AC26E8" w14:paraId="15E2380D" w14:textId="77777777" w:rsidTr="00AC26E8">
        <w:trPr>
          <w:trHeight w:val="76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F74120C" w14:textId="77777777" w:rsidR="00AC26E8" w:rsidRPr="00AC26E8" w:rsidRDefault="00AC26E8" w:rsidP="00AC26E8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AC26E8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 xml:space="preserve">General disorders and administration site conditions 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E53406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097F9B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712458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8C15F1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328D73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6958E2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83A35A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1E97F2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B82077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EC25150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B67354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7354BB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863D1D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E33756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CEA1C1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2035D7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BE52F1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80DF95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0E5708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F2DAA11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AC26E8" w:rsidRPr="00AC26E8" w14:paraId="0DD7F4F7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28D1787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Fatigu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CC507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6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3898F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1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50EF2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F2B60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2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3F14A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08DF6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6E5E5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26CC4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76DBE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1DF74F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9773E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8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468A5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47.4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36C7A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7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9668E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8.4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4221F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1E746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643B3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40250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D9C0B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5C3A68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66F8832C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0DD677F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Fever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D83CB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9E208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53CCE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E8107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CD2DC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62F9A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0F352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781F8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5EFEA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B5CEAE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AC27F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84E67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898F7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5178D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96655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BA972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45266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E0287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7C792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A3FA70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77A248C3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6CD2CF0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Oedema peripheral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41D9F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54A0D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9.7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AB417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FAE7D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9C0D3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B51F4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7E98B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B5E38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E752B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A5E178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BA052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64012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0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8D358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4B0EE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886B3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871ED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B7C8F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A6A7C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7EEED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19D390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8ACED9B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7CE6504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Ankle swelling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060DD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4CC9B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E3539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098C3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55BA3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D63A8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8F553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C5A7A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BC943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F8FF6A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F710E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5067C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A917E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07BD8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FDF8F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452CA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CE74A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5E2C3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D33C5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FBF4AF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1870677B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D242C66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Chest pa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C81DC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2AEAC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7EAB5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7F0B0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D70C1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F8CF6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39DA4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783F5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22F38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7E6473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47889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4EC5E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0AA3E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3EBA4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7DC63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2AB05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BC749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D297E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1A763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03550F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F62737E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B3E994D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proofErr w:type="spellStart"/>
            <w:r w:rsidRPr="00AC26E8">
              <w:rPr>
                <w:rFonts w:eastAsia="Times New Roman"/>
                <w:sz w:val="20"/>
                <w:szCs w:val="20"/>
              </w:rPr>
              <w:t>Edema</w:t>
            </w:r>
            <w:proofErr w:type="spellEnd"/>
            <w:r w:rsidRPr="00AC26E8">
              <w:rPr>
                <w:rFonts w:eastAsia="Times New Roman"/>
                <w:sz w:val="20"/>
                <w:szCs w:val="20"/>
              </w:rPr>
              <w:t xml:space="preserve"> limb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8BE8F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75D89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024EC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94034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4F7BD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4F98E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A920D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5ECDC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08F8B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F39C7B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AF856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9DBD0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696BA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5351F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7C2CF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D627C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C180B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73005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E19F2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8A2FA1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3A310AA9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EF588C3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Fatigu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8C481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B6EE2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DC215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F8F80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4F049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6F41F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41CE7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9A4DC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A674A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3D60EB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FEAF5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98521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917DB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90B50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7D24A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F32DF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3687B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003E9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6CC2B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776233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5BECC436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672BE01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Influenza like illnes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EFE03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796C2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36193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7203A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042CF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3DB1C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DA2C6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E586A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6B0FA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D445DD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D1222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170CC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52F2F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3F7CB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A05EE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65CFB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DF370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4F490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B0B6E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D64B7D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6FB05917" w14:textId="77777777" w:rsidTr="00AC26E8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5302C0D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Pa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16BFC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C8BD1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0BF0B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1EFEB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1D8E1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E0CE4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55CC3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89093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3360A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B0F4F5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649BA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B53B2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7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AC81E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FF8A7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6F455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C3826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6EA6E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068F1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AC39A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22C7C7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2F3B0D7B" w14:textId="77777777" w:rsidTr="00AC26E8">
        <w:trPr>
          <w:trHeight w:val="510"/>
        </w:trPr>
        <w:tc>
          <w:tcPr>
            <w:tcW w:w="19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B56C276" w14:textId="77777777" w:rsidR="00AC26E8" w:rsidRPr="00AC26E8" w:rsidRDefault="00AC26E8" w:rsidP="00AC26E8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AC26E8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 xml:space="preserve">Infections and infestations 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6F137E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4B8E76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A4F57F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6ADE8E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E8E120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11660F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853AB3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29920F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D529A8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2ABF491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D20CC2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403D28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76E75E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96F80F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B73B7B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71A3F7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AC231C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CB9D9F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6ABC4C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EC679CA" w14:textId="77777777" w:rsidR="00AC26E8" w:rsidRPr="00AC26E8" w:rsidRDefault="00AC26E8" w:rsidP="00AC26E8">
            <w:pPr>
              <w:rPr>
                <w:rFonts w:eastAsia="Times New Roman"/>
                <w:sz w:val="22"/>
                <w:szCs w:val="22"/>
              </w:rPr>
            </w:pPr>
            <w:r w:rsidRPr="00AC26E8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AC26E8" w:rsidRPr="00AC26E8" w14:paraId="30539A03" w14:textId="77777777" w:rsidTr="00AC26E8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780EC06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lastRenderedPageBreak/>
              <w:t>Lower respiratory infect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EB487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47F67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C7092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B7C3F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E497B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9C426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AC793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B2AF8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04E6F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A1DADE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A4964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25560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62A55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6D96B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3B55A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51AE7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9F4AB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0365B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61FFB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19BC7F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520022A5" w14:textId="77777777" w:rsidTr="00AC26E8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24836EA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Upper respiratory infect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6F6FF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27697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04E0B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2D2C4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07DC2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94DD7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0010C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900B7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13B88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99B020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A9074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8A097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9AC53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8BDF4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7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00F95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6AB20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3DC46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A4DD9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D6B85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B6A8F1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087C427F" w14:textId="77777777" w:rsidTr="00AC26E8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A3E041B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Urinary tract infect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307CC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302A5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D47CE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C99AF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49D95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244EA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EB1BC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95DF2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9F0C6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9AA889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4771F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EBA11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8ED39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57BCC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F1898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3640F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67D2D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0FA2D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E8240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ABAB9F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35A0ABD9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20FC3DA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Balanitis candid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D9412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A4A55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68F63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B996F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E20B9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E2F1E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67DDC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B2E19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86668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A192E9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1D9BB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EAB5A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47DE8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2FA0A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321FF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0070A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EE025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DDB23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0B525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D634D7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365F7F90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FED6BD6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Chest infect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4EDFF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F1C2F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D07FB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BFF94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CBE1C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A265B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24FB1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C0900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60F4C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D9BCA5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AE471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EA355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0C36D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A0F52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EAB12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9B6EB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F3A09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63FA8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8DC4D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FC5126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6A4DA640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8AD8D1C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Herpes dermatiti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0B1DD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83F96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039E6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E1129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93DD2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985CB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29A4C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A27CD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9D3B0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7EF127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A59BD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58F50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BBF60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DAACD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2540F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3B336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2FDC2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1E511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198F4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79BAD2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1E085B1A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FEFC83B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Oral candidiasi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E1573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DD079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7927D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FB145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490DC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A2448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2C334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B8203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B85CE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6D201D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9D2D7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E5BCB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84AE6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22EEE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32B1D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DE1E6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40A82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8011D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3898D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94BDA7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0C2CB3B4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19BA872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Pneumon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99F98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05866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0214A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DE3DF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FB8ED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A36F6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F4823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34C86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FA0A3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0679DA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18D5A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CA5A4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F5B3B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FBC16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3865E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AA8A6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8BE3A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A8BEB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A9CF9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08DD4E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.3%</w:t>
            </w:r>
          </w:p>
        </w:tc>
      </w:tr>
      <w:tr w:rsidR="00AC26E8" w:rsidRPr="00AC26E8" w14:paraId="5F420D8D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9F6AC86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Sinusiti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4569F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0022E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477B2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4BE6A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DC4E9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BFB9F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4F158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F97DD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5D518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50CCF1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72016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AD522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351AF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58B1E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ACBC0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B6980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F45BC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71C37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63EAD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0343E2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62C3059F" w14:textId="77777777" w:rsidTr="00AC26E8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40EC5D3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Skin infect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C7DCD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6FC58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F97FF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AF223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C058A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15826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38F97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C8409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620D2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F9FBBE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F971C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8FA53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C2A78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A1602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F1780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976F0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8C27E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E2BAC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244E8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AE5F3B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15B9504A" w14:textId="77777777" w:rsidTr="00AC26E8">
        <w:trPr>
          <w:trHeight w:val="300"/>
        </w:trPr>
        <w:tc>
          <w:tcPr>
            <w:tcW w:w="19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EBB9EAB" w14:textId="77777777" w:rsidR="00AC26E8" w:rsidRPr="00AC26E8" w:rsidRDefault="00AC26E8" w:rsidP="00AC26E8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AC26E8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Investigations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C2F444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21AF25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48DB23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0B8622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25BDF0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F47622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64B6F0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CB050F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8DCB31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CB9003A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4A7A5A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449AE5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F738FB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51BD5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D9895F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77E864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1B06F0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E61161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35C189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B4E4BA8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AC26E8" w:rsidRPr="00AC26E8" w14:paraId="3AA9DB0A" w14:textId="77777777" w:rsidTr="00AC26E8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149DBB6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Blood alkaline phosphatas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7E8AC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9E5D2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680E8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02F88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066EC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D4804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497E7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85FCF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475A9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56C17A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D4E4D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5C17A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0.4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0310D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A9FF6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B77FC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AD2CE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A0D50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18C34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08904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193B59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3EA0F753" w14:textId="77777777" w:rsidTr="00AC26E8">
        <w:trPr>
          <w:trHeight w:val="76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144D42B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Blood alkaline phosphatase increased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8C3EA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4D508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16670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7ACB7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DD356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55A23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3C882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40CD5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113AE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20E552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E6EA0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ACF56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4FF2C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2154C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BED8C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8FD6E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34897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89F4B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7D041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D11CAE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0A3840FE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03CFFF9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Blood creatinin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34BE9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8147A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A5C72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D4F61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F16D5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FCFAD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30391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09F9A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BC13A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54BA5A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1F787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5C99C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839A5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C4E6E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DB09F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19ADE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31761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8B73B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E42CB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C95645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51504F9" w14:textId="77777777" w:rsidTr="00AC26E8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B2217D5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lastRenderedPageBreak/>
              <w:t>Blood creatinine increased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F90BC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45195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E944B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FD155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2878A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AA8F6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4BC38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99B1F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4E38D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AE7423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E4BF2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852BD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EF51F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27299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72A78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917F3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CA626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2D17A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F22C0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78FDCC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55C4F87E" w14:textId="77777777" w:rsidTr="00AC26E8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26CA005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Blood glucose increased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43B84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02760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76E7C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A5783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02543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65813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1B26D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AF179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281EB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C2F5B2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C8A6A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AD68E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9EF7E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9A494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F98D7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B41CC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C14B1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69DBA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1BDDD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61A9B4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1F945DA" w14:textId="77777777" w:rsidTr="00AC26E8">
        <w:trPr>
          <w:trHeight w:val="76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07DEEF7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Gamma-</w:t>
            </w:r>
            <w:proofErr w:type="spellStart"/>
            <w:r w:rsidRPr="00AC26E8">
              <w:rPr>
                <w:rFonts w:eastAsia="Times New Roman"/>
                <w:sz w:val="20"/>
                <w:szCs w:val="20"/>
              </w:rPr>
              <w:t>glutamyltransferase</w:t>
            </w:r>
            <w:proofErr w:type="spellEnd"/>
            <w:r w:rsidRPr="00AC26E8">
              <w:rPr>
                <w:rFonts w:eastAsia="Times New Roman"/>
                <w:sz w:val="20"/>
                <w:szCs w:val="20"/>
              </w:rPr>
              <w:t xml:space="preserve"> increased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45308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62963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2A6B3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5FFAA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1F415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1B7A2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2B180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46360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93E18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A3F748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65FDE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CACD8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3C885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48587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7595E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03C6B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EBE6A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FC4BA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EF9F0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DB4F3C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98875E2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2F9A240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Sputum abnormal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D233D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1C6B1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4642D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7E8C3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D5111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FD584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315D9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E1092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28208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8760B8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A5245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70FA5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40034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CA1BA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928D6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46D4A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58BB4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16280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0A711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0A0F29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6391FF88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31F3AD1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Weight decreased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2023F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11865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5C756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0FCAA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DF30C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5F2BA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1A1B6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9A1CA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4B062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83879F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AC94A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CEEDC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83FC5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73D59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D6E39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E605E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7E286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E16A1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B09AD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83064A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58B4F495" w14:textId="77777777" w:rsidTr="00AC26E8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304EC54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White blood cell count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EB503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7252E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E470B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C4164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97BC3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1C980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01C6D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3544A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967BE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81C153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67107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F04AA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6CA7D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6F74F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E5FDD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491B6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ADB5A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1FBDE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C65EF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F367F0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2CD34EC3" w14:textId="77777777" w:rsidTr="00AC26E8">
        <w:trPr>
          <w:trHeight w:val="52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117D052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 xml:space="preserve">White blood cell </w:t>
            </w:r>
            <w:proofErr w:type="gramStart"/>
            <w:r w:rsidRPr="00AC26E8">
              <w:rPr>
                <w:rFonts w:eastAsia="Times New Roman"/>
                <w:sz w:val="20"/>
                <w:szCs w:val="20"/>
              </w:rPr>
              <w:t>count</w:t>
            </w:r>
            <w:proofErr w:type="gramEnd"/>
            <w:r w:rsidRPr="00AC26E8">
              <w:rPr>
                <w:rFonts w:eastAsia="Times New Roman"/>
                <w:sz w:val="20"/>
                <w:szCs w:val="20"/>
              </w:rPr>
              <w:t xml:space="preserve"> increased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9FAB9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8766F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87310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71DFF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AB016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62402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443A0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726C1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AA8B5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6B1987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3429F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39A1F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069EE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09C8A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644B6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AD448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2A928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45558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EF3D9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E1A950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0E50BC68" w14:textId="77777777" w:rsidTr="00AC26E8">
        <w:trPr>
          <w:trHeight w:val="510"/>
        </w:trPr>
        <w:tc>
          <w:tcPr>
            <w:tcW w:w="19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1814AEF" w14:textId="77777777" w:rsidR="00AC26E8" w:rsidRPr="00AC26E8" w:rsidRDefault="00AC26E8" w:rsidP="00AC26E8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AC26E8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Metabolism and nutrition disorders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24803A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57FCE6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8DD681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6AC943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B7E43C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BBA3EB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8C4B34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2E0C1D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93A90D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FC91C95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5A5731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CFF58D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0BFAB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9E05CF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51D36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280456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3B4310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88A544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38DD1F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287C9AC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AC26E8" w:rsidRPr="00AC26E8" w14:paraId="189940F9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A588AFE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Anorex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D9085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8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22CCA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5.8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12CA1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E0760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9.7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1CCCE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EE668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E03F5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EB58A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B3F8C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35B871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59676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7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E188A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8.4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454B0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5B76B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E67FB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BF11A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163DD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5038A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9A31A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C7110A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70970688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A5E43A2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Hyponatraem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557A0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36AEF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E3067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7B905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5D51A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11D9F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E3CD5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488E8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91367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9E3A0D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9E2CB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25ABA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36798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E1572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D88F6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039E9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E7FE1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0AABA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6787C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3D07EA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AC26E8" w:rsidRPr="00AC26E8" w14:paraId="6C81B4EF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CE28F02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Decreased appetit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95267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F10B2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46B1C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1F503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5488D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11C76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1B1EC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78446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E61A2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78572F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97C3F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46E0C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2B308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F08D6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6D2EF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AE7F7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5C964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FDF56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BCB24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F0F642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AC26E8" w:rsidRPr="00AC26E8" w14:paraId="72A0D5DA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7071854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Hyperkalaem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3D30B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83EE3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57BF3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4FF3D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49EB4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D2CAE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BF7CF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295F8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4385E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275CFE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B5C5F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78173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1EFF8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3CDAF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AA280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CE61C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8A8D0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50145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29113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C85588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FDF3F30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F39049B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proofErr w:type="spellStart"/>
            <w:r w:rsidRPr="00AC26E8">
              <w:rPr>
                <w:rFonts w:eastAsia="Times New Roman"/>
                <w:sz w:val="20"/>
                <w:szCs w:val="20"/>
              </w:rPr>
              <w:t>Hypoalbuminaemia</w:t>
            </w:r>
            <w:proofErr w:type="spellEnd"/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72844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48723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51FE6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9949C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B1008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6E510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282BE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29F28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49C6D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F5DD68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FB201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0B6E5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950B3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DB663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ED18E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E2513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52239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2B25D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56F9A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CB53C8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E27C6B0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287E6EF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proofErr w:type="spellStart"/>
            <w:r w:rsidRPr="00AC26E8">
              <w:rPr>
                <w:rFonts w:eastAsia="Times New Roman"/>
                <w:sz w:val="20"/>
                <w:szCs w:val="20"/>
              </w:rPr>
              <w:t>Hypokalemia</w:t>
            </w:r>
            <w:proofErr w:type="spellEnd"/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B3382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7D845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4AA73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FCD56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927DC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F0BE3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BF472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18D1C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354EE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221054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D45D5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0CD52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5AF6A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B4BC8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B0934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0EF2A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7F745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9F03B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5DB88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E7DE0D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6A76340F" w14:textId="77777777" w:rsidTr="00AC26E8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6FE3051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lastRenderedPageBreak/>
              <w:t>Loose stools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090803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293DAA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D38319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FD3C13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9A8CE9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C09A4A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8FEB74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EC99DA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7B28D8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7EC36C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BFF509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CC426F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C18D28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F52B48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2E5881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AA3F39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EC5ACA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07E05C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DB034C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BE4900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6AD2C342" w14:textId="77777777" w:rsidTr="00AC26E8">
        <w:trPr>
          <w:trHeight w:val="76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3B80348" w14:textId="77777777" w:rsidR="00AC26E8" w:rsidRPr="00AC26E8" w:rsidRDefault="00AC26E8" w:rsidP="00AC26E8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AC26E8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 xml:space="preserve">Musculoskeletal and connective tissue disorders 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62C735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81253A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7E0E43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F62BA1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F4B31B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87D0B3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5E3E3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859FFD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57AF36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AE97FAA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D35674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A874BB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932CE8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2EAD9A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C6C762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DBDDA8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D354D2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69A72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3E32BF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32DB056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AC26E8" w:rsidRPr="00AC26E8" w14:paraId="208C0051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299AA05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Arthralg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1C632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1480C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9CE8D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9D9A3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32BBA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54BC1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BFDB4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4CEDD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4E2FC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18B756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23CC4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60B42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EC3FB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56345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23B38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ABBA9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21ACE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F43F9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394E5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580280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7DB0EE42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5F4D541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Back pa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A5F07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05B9A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B001A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3C302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10CCE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92316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7E3B0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AC142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8DD90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1CB0E7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F61AC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6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6D5B2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5.8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4F608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37081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3D32A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CD905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26C7E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D087A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F18A4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152B9D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70B16A9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7B142CE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Arthriti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5C90C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2C22F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46992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6D455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09862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6C497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4AC57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86A71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C5326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E2AE4B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9632A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2109A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7C2A3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6CD5C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51090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D543E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9B3C1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5C9D7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11A72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A47295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5B309132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F713E32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Chest wall pa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6BADC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F5715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09371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92971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BC0AC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F5521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5A732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00675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88B1F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8214B1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4BA2A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ACAC7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609D4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7F97E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F30EE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8E635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85004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6791A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4CB8C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059417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6A2C03F3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13F22BF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Hip pa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24F5B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F26E5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7F5CF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1F32E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F064F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5F2A0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DC52F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66BFD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D98DD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724488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FE420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37ACC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EB5A6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F7152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F351C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96478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43751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EED14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DFBBA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12DEEB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5B8FD69F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5A06BD4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Muscle weaknes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5562B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B97B0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B2506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C35F8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357FC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741AA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2F9AA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4D3A5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C4A3B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BC9FB4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B98B1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18CE7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B5630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A5CFE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2687A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2EA8E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123ED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02B73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3BC0D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161448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6325F19B" w14:textId="77777777" w:rsidTr="00AC26E8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8298633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Musculoskeletal chest pa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0E36B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5591F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CDDD9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BAC56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9.7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34725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14211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4752B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3E0A8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25DBA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C68082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0EB23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D8ACB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66F18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4C83F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70406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62770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7CD3F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DD23D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B5D3C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589D10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AC26E8" w:rsidRPr="00AC26E8" w14:paraId="49C70EB8" w14:textId="77777777" w:rsidTr="00AC26E8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1B2BA40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Musculoskeletal disorder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9FF52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8CB31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BF054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3A08D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71D6F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5196E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177FD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9096C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F610C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DEDDE0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6BC6E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BA584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D92C8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8D17C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D4CDC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E751D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3C6DD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4DBF5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B36E4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599D68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37A9B980" w14:textId="77777777" w:rsidTr="00AC26E8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48C8C58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Musculoskeletal pa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F1149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AEB74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B8CB0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52591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2F7C3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BD868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DDB6A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B478C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8999B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CDC041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968A3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40B32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26878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296EF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93441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A8D77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5EBC4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69FE0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42631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6E198A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7E5DC5C2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53E28E3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Myalg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B3479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CE050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A3DEF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ACB7F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1B491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CFCB9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C1A68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1EBFB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ADC98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B1988D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A3E53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9E516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A5494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FA4FB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CFF3A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C3D41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AB6E1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AA262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86141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1BE58B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1367B197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E78918C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Pain in extremity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74922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18E55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22693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2BF2C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0C5C0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33862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AE91E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20684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4CE39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9C552A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01CA3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B81E4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6EC33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44EA8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E52D8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11807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7B4EC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8ABD9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98A07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A503E0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2B766157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C149FB0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Rheumatoid arthriti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3ECE6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80E00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1EE5C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62B5F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EBFCC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4C562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91C81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B5335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7F00B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54B7F9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69A6A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2B51B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EB061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56738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9BF37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D6FC4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98516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76FB8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9C95E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830994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5B003C62" w14:textId="77777777" w:rsidTr="00AC26E8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78100D2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Right arm ach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097DA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26A28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35B84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EAA40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A46C0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D1123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B3F74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226D4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C8359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8BD674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30052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438F4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DB666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F4B40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AAF08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DADE5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905AE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FC9C6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08C35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13B4CD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56BE382" w14:textId="77777777" w:rsidTr="00AC26E8">
        <w:trPr>
          <w:trHeight w:val="1020"/>
        </w:trPr>
        <w:tc>
          <w:tcPr>
            <w:tcW w:w="19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31958BD" w14:textId="77777777" w:rsidR="00AC26E8" w:rsidRPr="00AC26E8" w:rsidRDefault="00AC26E8" w:rsidP="00AC26E8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AC26E8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lastRenderedPageBreak/>
              <w:t>Neoplasms benign, malignant and unspecified (</w:t>
            </w:r>
            <w:proofErr w:type="spellStart"/>
            <w:r w:rsidRPr="00AC26E8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incl</w:t>
            </w:r>
            <w:proofErr w:type="spellEnd"/>
            <w:r w:rsidRPr="00AC26E8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 xml:space="preserve"> cysts and polyps) 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6E277E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EE0F00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C24126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4A39F4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9E15BD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B4D42C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3C4DAA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7C36A4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492125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189741E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38570D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705162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EEF744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90BD4D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BB0565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CAC609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1C3902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C3F7BC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03EACB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753658F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AC26E8" w:rsidRPr="00AC26E8" w14:paraId="06C0B99B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703D3C8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Pruritu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E08C8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7BEDF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64C4D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DF669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6F481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2E15E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0A9CC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2C522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59A62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547C7D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C93F7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94AE5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F03D7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7277C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6A426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81F79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03CF4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33502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95AF1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06B12E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C952F6B" w14:textId="77777777" w:rsidTr="00AC26E8">
        <w:trPr>
          <w:trHeight w:val="525"/>
        </w:trPr>
        <w:tc>
          <w:tcPr>
            <w:tcW w:w="19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A9D1DB1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Pathological fracture imminent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888D37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426212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5D1A3B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6835EB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8D4FF7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E58B38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BEBDFD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2F8065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018F8F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914447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9938B8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C5CB57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BA9DCD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E89D25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85709D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E21DD8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43BEB5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9BF5EA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D9F6A3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7BB6EC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36A35B4F" w14:textId="77777777" w:rsidTr="00AC26E8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248EA06" w14:textId="77777777" w:rsidR="00AC26E8" w:rsidRPr="00AC26E8" w:rsidRDefault="00AC26E8" w:rsidP="00AC26E8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AC26E8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 xml:space="preserve">Nervous system disorders 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46ACF8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664FD4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115886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7DE4BA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BC511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7FCEEC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322AF3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A65F75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A8C14E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60C90D9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1DA18F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CBC4CA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494B0F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D1317A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63E38C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1D3D9D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D17C03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8F5FF9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61A7FB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675F77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AC26E8" w:rsidRPr="00AC26E8" w14:paraId="0D204A27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3F2BFB0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Dizzines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B0A28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58A60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2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E569B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14FA1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CB9DE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74597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9901D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E7BC1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27A04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F3CF9D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4AA25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421A7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7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FE895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E8CD3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1495F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C9CAF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7B71F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CFF89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803CA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3A49CC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3E87D563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AC98061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Dysgeus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4EC44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CCDD1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4A9A8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1687A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5EF95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9173F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1AF5B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515AA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0F851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171CE0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FA848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BA93F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CC618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C61AE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023BB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B9159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7D703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45955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7FE5E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7A3B5F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0EA63D4A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C1213F3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Headach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943B1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AB340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2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F7A82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FA3E6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37C5D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AE72B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73E8F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BD29B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F53C9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922969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F7227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F2681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8FA53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C2735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D0BA0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7EB44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D6F80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F64ED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3BFC6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84DE06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AC26E8" w:rsidRPr="00AC26E8" w14:paraId="1D72432F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A89F502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Headach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891F4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80A5B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61C0D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3082E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1B911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9B0FA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B3644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1A30D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D05B2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244F59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8DFA8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D08C4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A2FA2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62989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8468B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B307F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46028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DC90F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B176D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628272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AC26E8" w:rsidRPr="00AC26E8" w14:paraId="5BDF66FD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38810E8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Mental impairment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FD5BE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BBEC5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6762C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45791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43001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66FD3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0D342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96515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BC92D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A5AEAB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EC7FA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E9CA1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FB86F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756FB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4AE1D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C60D2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F47A0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FA09A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5029F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B67100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791BCFA4" w14:textId="77777777" w:rsidTr="00AC26E8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47ECE74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Neuropathy peripheral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C30A1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67C96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A78B6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9CC83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B9A3F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D35D1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A6536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DB7F4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AE71E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B53893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C42A4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97703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B9AAB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D68D5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F9F7B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9FD8A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48587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768B2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C3FF7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12BD1C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23A0FD77" w14:textId="77777777" w:rsidTr="00AC26E8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AF9B0F1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Paraesthesia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805CE1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1BF24B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CF03F5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7BAFC0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B63189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3B4464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5F90CA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E681E7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B6692D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91C8F2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7ADDDC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421339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8C5191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C5FB2F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E62598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E11135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01FCA2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E9AC99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33502D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3BA0D6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13CCD79B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22877EC" w14:textId="77777777" w:rsidR="00AC26E8" w:rsidRPr="00AC26E8" w:rsidRDefault="00AC26E8" w:rsidP="00AC26E8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AC26E8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 xml:space="preserve">Psychiatric disorders 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8D93B2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67C9FC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BCBCD5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A533FC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C82714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9036FB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9A19D2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DD50A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6BD575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4E8CB9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D70A69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B764F0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A842B2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139C00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549714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347D1B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B06069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6F57B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84CA78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4581FE9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AC26E8" w:rsidRPr="00AC26E8" w14:paraId="67C764F7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478245C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Insomn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17A91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BF0F7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C0BA2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B1FF3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99091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FFB4D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C8858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B6559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FE76B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31E3EA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56482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1B2F4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F17D3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5DEA0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E7946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347A4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42AC6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DC223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19601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7872C9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14CDCFA8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7794114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Agitat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C284F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72E1E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501D6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85AA4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E22AC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90DF7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DA1F7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F5F16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3A8F5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69B2DF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40342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1C9B1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75ED8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258A9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43829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F51D9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7C073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2C892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96EA1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09F92C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2072C052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6A415D5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proofErr w:type="spellStart"/>
            <w:r w:rsidRPr="00AC26E8">
              <w:rPr>
                <w:rFonts w:eastAsia="Times New Roman"/>
                <w:sz w:val="20"/>
                <w:szCs w:val="20"/>
              </w:rPr>
              <w:lastRenderedPageBreak/>
              <w:t>Confusional</w:t>
            </w:r>
            <w:proofErr w:type="spellEnd"/>
            <w:r w:rsidRPr="00AC26E8">
              <w:rPr>
                <w:rFonts w:eastAsia="Times New Roman"/>
                <w:sz w:val="20"/>
                <w:szCs w:val="20"/>
              </w:rPr>
              <w:t xml:space="preserve"> stat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E64FE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93AA8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02E36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DB9E4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53967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BFD4C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53B5A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6BD6C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1A67D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F0F09C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F82E8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1DD33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3C236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279C2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9F888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45412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E1C2F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02893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565E5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36E104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B903812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D48C56E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Depress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CAFD4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63716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0313E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1F4C5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BFE9F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7F6C1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62938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C1C44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94DBA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0BA433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B0A63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E63A2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5257F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04D50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6E6CF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56919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1B926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CDAB0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270B6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8EC47E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79FA2700" w14:textId="77777777" w:rsidTr="00AC26E8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6C3F6BC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Head banging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6DD6F3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800D15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26B1B0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1F9503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485F71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264E2E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362B06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C17625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824C9E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6614C2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DB41DD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1EA4DA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4B1B32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032641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837861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51F631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02846B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42C9AA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E36459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318D04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E43CE29" w14:textId="77777777" w:rsidTr="00AC26E8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CB71F98" w14:textId="77777777" w:rsidR="00AC26E8" w:rsidRPr="00AC26E8" w:rsidRDefault="00AC26E8" w:rsidP="00AC26E8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AC26E8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 xml:space="preserve">Renal and urinary disorders 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43AF9B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B4BFA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292430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5E19F6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16A1A5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442863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CE119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85AD78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5C7F61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88F7B3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76B1B2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8B9C6D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FD0C9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D8D499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60BFF5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B0F3B1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81B76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65A5B0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921E6A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AA59B4E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AC26E8" w:rsidRPr="00AC26E8" w14:paraId="22BEBEE4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A48D808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Micturition urgency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947C4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7093A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DE0C4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89844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A4E0D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51E59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E234D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10F0A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EDB98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1F3F92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A9A66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62A75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B9F20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880F0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B4DB5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4FEFC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AF58B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EB957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D1AB0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49C142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6F86E2C" w14:textId="77777777" w:rsidTr="00AC26E8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AAE01AE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Pollakiuria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083235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1EE894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714709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630DD0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B9C0C8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C99F08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8AE836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9F3DE0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B98D99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1E0D1D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8DF30B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55C05B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6540A4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11B4CF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F646D4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AC13CE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24AF47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0904A3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A7B546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860DC8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3699A4F8" w14:textId="77777777" w:rsidTr="00AC26E8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3A76CFE" w14:textId="77777777" w:rsidR="00AC26E8" w:rsidRPr="00AC26E8" w:rsidRDefault="00AC26E8" w:rsidP="00AC26E8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AC26E8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 xml:space="preserve">Reproductive system and breast disorders 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0D3268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5362FF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09B8B6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00036C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900FE4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BE6683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6F6A68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52082C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106B82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EF926E2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55589D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352E76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44643F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C696A2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8DA536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07D2B9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2BCF56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BDDEB4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15454D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B1097BB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AC26E8" w:rsidRPr="00AC26E8" w14:paraId="3E42AE7D" w14:textId="77777777" w:rsidTr="00AC26E8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F5A953C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Night sweat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1C022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8B667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E6A3F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2D388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DEB8A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5E090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8D13C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3CA90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2CAB4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2B2F4A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60267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B0C33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3D742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9E33A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30FAB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1019C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B9A29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9FABB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8A4C3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799B1B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3BDEF825" w14:textId="77777777" w:rsidTr="00AC26E8">
        <w:trPr>
          <w:trHeight w:val="765"/>
        </w:trPr>
        <w:tc>
          <w:tcPr>
            <w:tcW w:w="19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F2CCD6D" w14:textId="77777777" w:rsidR="00AC26E8" w:rsidRPr="00AC26E8" w:rsidRDefault="00AC26E8" w:rsidP="00AC26E8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AC26E8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 xml:space="preserve">Respiratory, thoracic and mediastinal disorders 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D1842D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C860F4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3C49BB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E563A6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2CB38B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F0A5FA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1C306E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7A9FD1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51BCB6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9C17D45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EF755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756A11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72D162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D79A2E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42C108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F44672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3F448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34C2F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2841FD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47872F5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AC26E8" w:rsidRPr="00AC26E8" w14:paraId="3F35BF66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3E286CB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Coughing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5A146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CD9A9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5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B097A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B5D03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0251F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0FEF4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5AB87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630F2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4A5E3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70CF2D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CC146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6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38143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42.1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6BE5B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5924D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E7AB0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98A0E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619FB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38718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67A67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F6A61C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AC26E8" w:rsidRPr="00AC26E8" w14:paraId="485F0398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BFC7710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Dyspnoe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704D7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58D85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2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6FB8F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190E7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4CC06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7EDD3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F9ECC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FDB86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97478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69F6A7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C45D6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4104A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6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5C3D4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A7B8F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0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70A6D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BD534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30CE9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72641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770CD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534745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AC26E8" w:rsidRPr="00AC26E8" w14:paraId="7B93C931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019B298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Nasopharyngiti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E5128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05F1A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13BAE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F51A3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FB669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9C0BB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7B642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BDBD7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1AC99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6B4584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ABA55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F3A72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5FFF6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D6A8E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1B6C0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0B4F6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F1477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4F19B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9A3C8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610BF9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51D7398A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F9A5103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Pneumoniti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22D5C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71011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43FDF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71C29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42217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0AEEE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7C0CD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05E7A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93DC9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181485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C03A9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95AE8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54E61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0C5FB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C0DB7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AFC13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9521A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39752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50902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8B6A4A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525C2134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8C736AD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Stomatiti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8978F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F3829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E4A36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5E99F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464F6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603FB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7A071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6F81A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CDE49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BC8726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D93CE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0108F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C27A7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E04B8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BDFA9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4270E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F335A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5DFD5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CBE85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89E0CC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34CA237B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372A09B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lastRenderedPageBreak/>
              <w:t>'chest tightness'. sob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88368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A1635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6CC93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6FF6D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5D178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5C814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D7E4C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7035F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D2AA0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4D2C1D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62238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F9B92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40CF1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5612A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16746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7C3DD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5CC08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523AE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AA9D8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F6A870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63AA39AE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9BFF1BC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 xml:space="preserve">Allergic </w:t>
            </w:r>
            <w:proofErr w:type="spellStart"/>
            <w:r w:rsidRPr="00AC26E8">
              <w:rPr>
                <w:rFonts w:eastAsia="Times New Roman"/>
                <w:sz w:val="20"/>
                <w:szCs w:val="20"/>
              </w:rPr>
              <w:t>rhinitus</w:t>
            </w:r>
            <w:proofErr w:type="spellEnd"/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A9A12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97FF3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2643E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08093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55D54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E3BFE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46338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345CE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DCB1B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09A318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6B4B3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31F6F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DB539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22B22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1A5EE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B6F71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330CC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7DB75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F01D7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FA6236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2D729C5D" w14:textId="77777777" w:rsidTr="00AC26E8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473B8AE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Chronic obstructive pulmonary diseas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80B75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064D1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C72B1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CCE7C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E38BC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76927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DD76A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1EEBC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48AAE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6D0556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68236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233D5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F46C4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E9979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69222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4FB85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5EAAD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CD6C9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CB152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3F7332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080456C7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0E567EA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Coughed up blood x 2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D0447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DF558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E0329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02C1C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D1864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18289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DA969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D0792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C378A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8F9333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2F229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4FEC7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2FDF6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9B7A5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B2483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88EDD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197A7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7B2E5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AECCE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7F6897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AC26E8" w:rsidRPr="00AC26E8" w14:paraId="522AF4E8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981BAC7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Dysphon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E73DC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3910A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415E3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C7513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82CB6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C0DE0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13205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CD7DD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620DE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5BB49F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11E27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2A0FF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B2CEF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B9E27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3102A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3FDFB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77476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FB09E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B84B7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A3519C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26B28677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5024DA9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Epistaxi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6A1D0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E80D6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55FD6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E851D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982F4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5B450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75311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E9BEC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49070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F9F617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6C29C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8B1BD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B9016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784F2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81202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BB264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B733E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4FE5C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2E3B6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2AB0A2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2E318E6F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9DD5188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Hiccup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8DA12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6B36D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23DDB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FDF99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5C171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EE273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6357C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2C1FB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CADF2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6DF527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6BE97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E8373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9B5A0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D8991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7651E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304A5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A062B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F6E28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5D917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1A33B9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887F485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E3200DB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Nasal discomfort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57A4C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5A451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1A079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A1B2C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534CE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B971D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51029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DE6C7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F4283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2B779A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C3EEC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AC886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F9F37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FF105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221B3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79F4E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B4198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4530C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6E2EF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90CBBA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27A74A16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2BC8003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Pleuritic pa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87C9E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5A9D4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519E1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2BA42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44B83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5D011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FF70D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978F2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5B941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64DDC9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14BF0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F193D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C245B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F9AC2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4DA41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9BE27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4CA5B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7EEC5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3DDE0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F7ADE1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1844F8C8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7D20223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Productive cough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A8D1E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88846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4CFB5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53768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F7C44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32D04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6E36B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3630C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F8EB8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57143B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40500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4AD00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1B217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E091F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4BF37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C6F98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60D60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00177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914EA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E82500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1D84CF89" w14:textId="77777777" w:rsidTr="00AC26E8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908DB36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Respiratory tract haemorrhag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CE763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990BE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6A1EB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293A1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A6FFA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AAFF2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0ACE8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A1478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424BB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F5F18A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4267F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9BFEC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8AA03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30479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37A39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8B4D4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20F8B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F2160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435E4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783FCC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AC26E8" w:rsidRPr="00AC26E8" w14:paraId="0A78DDD0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B1A76A4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Sputum discoloured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462A1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C8F31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22B18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01E27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598EE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CCED9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C2BAD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871B9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3ADE0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E65834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69D34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DBCD5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62894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396BD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EB0B6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20F7E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D4684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B1980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231B4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7D9D2C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22C9E6F4" w14:textId="77777777" w:rsidTr="00AC26E8">
        <w:trPr>
          <w:trHeight w:val="525"/>
        </w:trPr>
        <w:tc>
          <w:tcPr>
            <w:tcW w:w="19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9E23826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White frothy sputum/cough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690DD8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E8E4D3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4352F6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767E53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7D08F2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710726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D02C6B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E8D613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0D88BC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E76F54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4ABC60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CD81D2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9E461A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98210F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DD1A56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EC339C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28D886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AB7895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E1D0DA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BA2775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16FF6F71" w14:textId="77777777" w:rsidTr="00AC26E8">
        <w:trPr>
          <w:trHeight w:val="76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6ADF316" w14:textId="77777777" w:rsidR="00AC26E8" w:rsidRPr="00AC26E8" w:rsidRDefault="00AC26E8" w:rsidP="00AC26E8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AC26E8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Skin and subcutaneous tissue disorder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5361AB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D6AC51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9D9F66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F9158C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BC81B1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C81101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414BED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0A8C02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A9D21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CED7A06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6EFE7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24DD3D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486E55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BDB8C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66748C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91F8ED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075C51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6D3618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C0DFB5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052E3F1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AC26E8" w:rsidRPr="00AC26E8" w14:paraId="59C09CA3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0630230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lastRenderedPageBreak/>
              <w:t>Alopec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57D7D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00E66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9.7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93718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76404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8C922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D08C8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AC227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B3CA2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5F5BF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E56E63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CBD3A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82B21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F7C83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C8E35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C62FA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1F42E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57964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2CF84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3CED5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86A1BF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185BC5A0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D46105A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Blister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EE1F3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2F741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866A2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A3506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50716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1AA10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9F8C7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DD6B4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68804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40DA10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E7215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F80A3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AC852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7CB9E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F3B39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3EAE2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AC14B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A4793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CA212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0675CB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194694D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3B93E01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Erythem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8C7B0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5845D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7D138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63705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D8D5C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8EF56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69921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173B9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5741D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085B15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F1477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4ECF6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76BCD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366C1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DD002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5AA2C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231C8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0B6E3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9127B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BACDC8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773A828D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5989566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Rash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A84F8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FF05F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2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94C98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04BA2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66504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233D3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EF428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D780E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789AD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3D93F8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6665C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5B26F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F2708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D3B79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381AA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63C5A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A3302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7A10E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E6EFC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18A06F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584BB8E2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AAF6458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Dry sk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A9470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16C72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E448A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C38B0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B86D8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4E5E2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7F126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F0D1A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A7D94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D47119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7AD2D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F7DEE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2FC28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4670C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60B9D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C62E2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E50E6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66011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43FB3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B09213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89D02DA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C008CA4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Pain of sk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2067E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3F4B0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2F4A3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3E78D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AFBD8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06DEE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A2FFB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39E71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63AA6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E8E43E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D0F8F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EC376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17620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18BC6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0079B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49063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813FE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7E6B4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E61FC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35E6D8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1DD275B5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A83361E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Psoriasi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BFFD5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6676F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EE36A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B3472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BCD27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E32DD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619E2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FD990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E4B7B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B68282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D9C0C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C667B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86B3B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AA8A6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8CF12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0C4D8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07A84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D0BE3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1ECDF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2D0C2E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47CD806E" w14:textId="77777777" w:rsidTr="00AC26E8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DFA6D69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Right skin leg pa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4418A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72B1C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1A395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15AA2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2E3A5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810C1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B9011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6C383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B61DF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8A7F06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BEB82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ABCE3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120AB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31CAF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43963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E739F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A86F9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CE7F3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F2A4F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9AF5E9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529EBB07" w14:textId="77777777" w:rsidTr="00AC26E8">
        <w:trPr>
          <w:trHeight w:val="300"/>
        </w:trPr>
        <w:tc>
          <w:tcPr>
            <w:tcW w:w="19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1C4DC2C" w14:textId="77777777" w:rsidR="00AC26E8" w:rsidRPr="00AC26E8" w:rsidRDefault="00AC26E8" w:rsidP="00AC26E8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AC26E8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Vascular disorders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3F4026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8CEC89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5B31D8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93D86C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E2A6D6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275D66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36DCFB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C87B99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3A846E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0F766BA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2C9D39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9881A1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B1C2F2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90A65D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4B1F90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06D91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C311E8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92E738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BD2597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057C7F4" w14:textId="77777777" w:rsidR="00AC26E8" w:rsidRPr="00AC26E8" w:rsidRDefault="00AC26E8" w:rsidP="00AC26E8">
            <w:pPr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AC26E8" w:rsidRPr="00AC26E8" w14:paraId="23EB829A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E79CECA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Hot flushe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FEEDA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F00A7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CD64A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9BE93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4F78F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E0713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647B3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D7A8D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756BB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8B13D7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90DC9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6B9A8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14B2D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1DD4F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80197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5DCF3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E404F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9E6AB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70CE2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FA1F97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6671B42D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CFE0EE9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Hypertens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8EC6A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66DAF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EC073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DD5A4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DDA12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7C079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3C356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DA5CF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2CEBF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865F93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17791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8C6E3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7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6C591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5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A2BAE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E8C0A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32A75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4BBB0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53F63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1A0FB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0DA015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AC26E8" w:rsidRPr="00AC26E8" w14:paraId="740B48A0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31A192F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Vascular disorder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44FD1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AD123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A1E70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2815C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D7B21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D88EC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E9268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77ED8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DFF76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42346C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5FB6C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F4ED9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4C14F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CC664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7B730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F89BD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7FB88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D73E6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81DF1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B576D5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AC26E8" w:rsidRPr="00AC26E8" w14:paraId="5BD80619" w14:textId="77777777" w:rsidTr="00AC26E8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FEE09AC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Embolism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F60CE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592E9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5E282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38632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416F9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61ECA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C1DBB3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1651F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537F2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54279E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4C42C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A9AEC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A382ED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E2AE7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4CDCE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C4896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D8005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9123B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138907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17CCD2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AC26E8" w:rsidRPr="00AC26E8" w14:paraId="209EB937" w14:textId="77777777" w:rsidTr="00AC26E8">
        <w:trPr>
          <w:trHeight w:val="525"/>
        </w:trPr>
        <w:tc>
          <w:tcPr>
            <w:tcW w:w="19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96EC354" w14:textId="77777777" w:rsidR="00AC26E8" w:rsidRPr="00AC26E8" w:rsidRDefault="00AC26E8" w:rsidP="00AC26E8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AC26E8">
              <w:rPr>
                <w:rFonts w:eastAsia="Times New Roman"/>
                <w:sz w:val="20"/>
                <w:szCs w:val="20"/>
              </w:rPr>
              <w:t>Orthostatic hypotension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948239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F8B1D6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6F4748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B28278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E814BDE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1487E14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519BDFB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799EB4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6E3B2E5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852EC9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049FD0C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17D79B1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5B26E50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93EEC5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DFED559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44B9332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25AB32A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C982F78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561E6EF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7E53E96" w14:textId="77777777" w:rsidR="00AC26E8" w:rsidRPr="00AC26E8" w:rsidRDefault="00AC26E8" w:rsidP="00AC26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C26E8">
              <w:rPr>
                <w:rFonts w:eastAsia="Times New Roman"/>
                <w:sz w:val="18"/>
                <w:szCs w:val="18"/>
              </w:rPr>
              <w:t>0.0%</w:t>
            </w:r>
          </w:p>
        </w:tc>
      </w:tr>
    </w:tbl>
    <w:p w14:paraId="75A0A6BC" w14:textId="2F2983CB" w:rsidR="000F04B2" w:rsidRDefault="000F04B2" w:rsidP="000F04B2">
      <w:pPr>
        <w:rPr>
          <w:lang w:eastAsia="en-US"/>
        </w:rPr>
      </w:pPr>
    </w:p>
    <w:p w14:paraId="66B1C235" w14:textId="4C7465B0" w:rsidR="000F04B2" w:rsidRDefault="000F04B2" w:rsidP="000F04B2">
      <w:pPr>
        <w:rPr>
          <w:lang w:eastAsia="en-US"/>
        </w:rPr>
      </w:pPr>
    </w:p>
    <w:p w14:paraId="286DE323" w14:textId="77777777" w:rsidR="000F04B2" w:rsidRPr="00311D97" w:rsidRDefault="000F04B2" w:rsidP="00DB7731"/>
    <w:p w14:paraId="0BFF6BFC" w14:textId="77777777" w:rsidR="000D2CEE" w:rsidRDefault="000D2CEE">
      <w:pPr>
        <w:rPr>
          <w:rFonts w:asciiTheme="minorHAnsi" w:eastAsiaTheme="minorHAnsi" w:hAnsiTheme="minorHAnsi" w:cstheme="minorBidi"/>
          <w:b/>
          <w:bCs/>
          <w:sz w:val="18"/>
          <w:szCs w:val="18"/>
          <w:lang w:eastAsia="en-US"/>
        </w:rPr>
      </w:pPr>
      <w:r>
        <w:br w:type="page"/>
      </w:r>
    </w:p>
    <w:p w14:paraId="7C5633CF" w14:textId="57F10D60" w:rsidR="00CC7BB7" w:rsidRDefault="00CC7BB7" w:rsidP="00CC7BB7">
      <w:pPr>
        <w:pStyle w:val="Caption"/>
        <w:keepNext/>
      </w:pPr>
      <w:r>
        <w:lastRenderedPageBreak/>
        <w:t xml:space="preserve">Table </w:t>
      </w:r>
      <w:r>
        <w:fldChar w:fldCharType="begin"/>
      </w:r>
      <w:r>
        <w:instrText xml:space="preserve"> SEQ Table \* ARABIC </w:instrText>
      </w:r>
      <w:r>
        <w:fldChar w:fldCharType="separate"/>
      </w:r>
      <w:r w:rsidR="00970777">
        <w:rPr>
          <w:noProof/>
        </w:rPr>
        <w:t>10</w:t>
      </w:r>
      <w:r>
        <w:fldChar w:fldCharType="end"/>
      </w:r>
      <w:r>
        <w:t xml:space="preserve">: </w:t>
      </w:r>
      <w:r w:rsidRPr="0004132E">
        <w:t>Emerging toxicities (not present at baseline) overall (Cycle 1 to 30 days post treatment)</w:t>
      </w:r>
    </w:p>
    <w:tbl>
      <w:tblPr>
        <w:tblW w:w="13100" w:type="dxa"/>
        <w:tblLook w:val="04A0" w:firstRow="1" w:lastRow="0" w:firstColumn="1" w:lastColumn="0" w:noHBand="0" w:noVBand="1"/>
      </w:tblPr>
      <w:tblGrid>
        <w:gridCol w:w="1802"/>
        <w:gridCol w:w="399"/>
        <w:gridCol w:w="891"/>
        <w:gridCol w:w="328"/>
        <w:gridCol w:w="890"/>
        <w:gridCol w:w="328"/>
        <w:gridCol w:w="720"/>
        <w:gridCol w:w="328"/>
        <w:gridCol w:w="720"/>
        <w:gridCol w:w="469"/>
        <w:gridCol w:w="720"/>
        <w:gridCol w:w="399"/>
        <w:gridCol w:w="891"/>
        <w:gridCol w:w="328"/>
        <w:gridCol w:w="890"/>
        <w:gridCol w:w="328"/>
        <w:gridCol w:w="720"/>
        <w:gridCol w:w="328"/>
        <w:gridCol w:w="720"/>
        <w:gridCol w:w="469"/>
        <w:gridCol w:w="720"/>
      </w:tblGrid>
      <w:tr w:rsidR="00EE797C" w:rsidRPr="00EE797C" w14:paraId="0C8FEE6A" w14:textId="77777777" w:rsidTr="00EE797C">
        <w:trPr>
          <w:trHeight w:val="315"/>
        </w:trPr>
        <w:tc>
          <w:tcPr>
            <w:tcW w:w="1900" w:type="dxa"/>
            <w:vMerge w:val="restart"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592877D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Table 10: Emerging toxicities (not present at baseline) overall (Cycle 1 to 30 days post treatment)</w:t>
            </w:r>
          </w:p>
        </w:tc>
        <w:tc>
          <w:tcPr>
            <w:tcW w:w="5600" w:type="dxa"/>
            <w:gridSpan w:val="10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14:paraId="61646F65" w14:textId="77777777" w:rsidR="00EE797C" w:rsidRPr="00EE797C" w:rsidRDefault="00EE797C" w:rsidP="00EE797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Olaparib (N=31)</w:t>
            </w:r>
          </w:p>
        </w:tc>
        <w:tc>
          <w:tcPr>
            <w:tcW w:w="5600" w:type="dxa"/>
            <w:gridSpan w:val="10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14:paraId="65125D3E" w14:textId="77777777" w:rsidR="00EE797C" w:rsidRPr="00EE797C" w:rsidRDefault="00EE797C" w:rsidP="00EE797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Placebo (N=38)</w:t>
            </w:r>
          </w:p>
        </w:tc>
      </w:tr>
      <w:tr w:rsidR="00EE797C" w:rsidRPr="00EE797C" w14:paraId="394149CA" w14:textId="77777777" w:rsidTr="00EE797C">
        <w:trPr>
          <w:trHeight w:val="315"/>
        </w:trPr>
        <w:tc>
          <w:tcPr>
            <w:tcW w:w="1900" w:type="dxa"/>
            <w:vMerge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08BA18A6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5600" w:type="dxa"/>
            <w:gridSpan w:val="10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14:paraId="66505E5C" w14:textId="77777777" w:rsidR="00EE797C" w:rsidRPr="00EE797C" w:rsidRDefault="00EE797C" w:rsidP="00EE797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Grade reported (N)</w:t>
            </w:r>
          </w:p>
        </w:tc>
        <w:tc>
          <w:tcPr>
            <w:tcW w:w="5600" w:type="dxa"/>
            <w:gridSpan w:val="10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000000"/>
            </w:tcBorders>
            <w:shd w:val="clear" w:color="auto" w:fill="auto"/>
            <w:noWrap/>
            <w:vAlign w:val="center"/>
            <w:hideMark/>
          </w:tcPr>
          <w:p w14:paraId="3440E942" w14:textId="77777777" w:rsidR="00EE797C" w:rsidRPr="00EE797C" w:rsidRDefault="00EE797C" w:rsidP="00EE797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Grade reported (N)</w:t>
            </w:r>
          </w:p>
        </w:tc>
      </w:tr>
      <w:tr w:rsidR="00EE797C" w:rsidRPr="00EE797C" w14:paraId="3DCE9190" w14:textId="77777777" w:rsidTr="00EE797C">
        <w:trPr>
          <w:trHeight w:val="315"/>
        </w:trPr>
        <w:tc>
          <w:tcPr>
            <w:tcW w:w="1900" w:type="dxa"/>
            <w:vMerge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18B8A8CC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F30487D" w14:textId="77777777" w:rsidR="00EE797C" w:rsidRPr="00EE797C" w:rsidRDefault="00EE797C" w:rsidP="00EE797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A59CDF4" w14:textId="77777777" w:rsidR="00EE797C" w:rsidRPr="00EE797C" w:rsidRDefault="00EE797C" w:rsidP="00EE797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23F153B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2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91E618F" w14:textId="77777777" w:rsidR="00EE797C" w:rsidRPr="00EE797C" w:rsidRDefault="00EE797C" w:rsidP="00EE797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D917EB9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3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1B73588" w14:textId="77777777" w:rsidR="00EE797C" w:rsidRPr="00EE797C" w:rsidRDefault="00EE797C" w:rsidP="00EE797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C8D7056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4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91B4320" w14:textId="77777777" w:rsidR="00EE797C" w:rsidRPr="00EE797C" w:rsidRDefault="00EE797C" w:rsidP="00EE797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5EAD8BA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3+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D891097" w14:textId="77777777" w:rsidR="00EE797C" w:rsidRPr="00EE797C" w:rsidRDefault="00EE797C" w:rsidP="00EE797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E4E5376" w14:textId="77777777" w:rsidR="00EE797C" w:rsidRPr="00EE797C" w:rsidRDefault="00EE797C" w:rsidP="00EE797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DE4B134" w14:textId="77777777" w:rsidR="00EE797C" w:rsidRPr="00EE797C" w:rsidRDefault="00EE797C" w:rsidP="00EE797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96F01D7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2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2A668CD" w14:textId="77777777" w:rsidR="00EE797C" w:rsidRPr="00EE797C" w:rsidRDefault="00EE797C" w:rsidP="00EE797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50F5630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3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86A67DA" w14:textId="77777777" w:rsidR="00EE797C" w:rsidRPr="00EE797C" w:rsidRDefault="00EE797C" w:rsidP="00EE797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51EC5B3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4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8934403" w14:textId="77777777" w:rsidR="00EE797C" w:rsidRPr="00EE797C" w:rsidRDefault="00EE797C" w:rsidP="00EE797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4A4F4B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3+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74CF136" w14:textId="77777777" w:rsidR="00EE797C" w:rsidRPr="00EE797C" w:rsidRDefault="00EE797C" w:rsidP="00EE797C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%</w:t>
            </w:r>
          </w:p>
        </w:tc>
      </w:tr>
      <w:tr w:rsidR="00EE797C" w:rsidRPr="00EE797C" w14:paraId="4035BE68" w14:textId="77777777" w:rsidTr="00EE797C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8B31F33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Blood and lymphatic system disorder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C0B1DB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73FF9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212650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C79878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30D910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03E765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D0F5F2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784738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50DE0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A626C3D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DF34C2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F7ACB9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AA228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FB6F68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EDC4DE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A65B8D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13276F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DCA6CA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F76893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173BD66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EE797C" w:rsidRPr="00EE797C" w14:paraId="5FFBE852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8D67924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Anaem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F2405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9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9BBA9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9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51793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6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A4D8D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9.4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1FE5F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C5BBC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C1779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16B65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5D646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0E1533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42BE6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9013B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1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51558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4C0F0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E8CB8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D56B1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7A11C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097AA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B4284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479CEB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234CEE86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E0C7837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Lymphopen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6CBB7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5F68E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48BFC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F34A2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6FBD5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BF74E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F52BB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9A1AB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FFAA2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22FAC0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E861A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F782C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62270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80EE1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3BF15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A6FE9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8181C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5BAB0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BDAE5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DD65A2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56007044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9673D41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Neutropen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A5D7C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52EB9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2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24EFF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160CE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FABD2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37987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E0436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8789A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B8E2C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1E1AB1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6E4CC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85496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5F15E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D8B61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CF0CA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24B98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EE7B0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F2DFE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85C19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760C20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6DD17E5D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9DFC5EE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Thrombocytopen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B9248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BA826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9.7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29172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69674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AB8C7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38BF9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1B088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23FD5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BBA13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02593C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A3F5D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1C09A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AC55B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6130D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9B560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407E6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3CD9F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823E8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A4C50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727D2D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0619897C" w14:textId="77777777" w:rsidTr="00EE797C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8E9AF52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Leukopenia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7F7A83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2FE28F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B77634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E286DD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009A84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D8A160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57B904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05C267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A3BFE5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A9A27E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6F994F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FD4D5F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320755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F41541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843713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E5A03D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E5170C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5601B8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30D858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8C76FD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7A94F7D7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CBC0462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Cardiac disorder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00EF20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E2A26C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7DF68E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687FF4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01695D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33F7B0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B21226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6F1558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92AD21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308B4DE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0F4F04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56FFEE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A53622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1A75BF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23C721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9AECF2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80BCFB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DEC473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2337DD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222C2B9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EE797C" w:rsidRPr="00EE797C" w14:paraId="125FC6B4" w14:textId="77777777" w:rsidTr="00EE797C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FF4DBA1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Tachycardia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F9A985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8D2135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E3C1DF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35632C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CE77A1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7430D0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258D05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43D75E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4E189D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B7101C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95DE38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1EE2FF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3.2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9B22D7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386B37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1A01E3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6B42E7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966BF0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5BB53C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E8A944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568039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49444DBE" w14:textId="77777777" w:rsidTr="00EE797C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F5695FE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Ear and labyrinth disorder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C530BA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EB285D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7834A1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87CAD9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7DAFD1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CE9542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40BE86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D9E15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A68519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64CD64B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C5B64B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EF13D1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D81815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20D1B1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195B00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C4F7D2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6437E9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C1D2F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C72819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A59FCCE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EE797C" w:rsidRPr="00EE797C" w14:paraId="277D11B5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C6742DF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Hypoacusi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7D3E7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D2A38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D7C69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EA404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B1EC0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B9379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9579C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6DF22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EEBB3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5914E6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789C9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1CB71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A8732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556BF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1AC3C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D6AC1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94208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AFD94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2EEED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D8D0EC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725DBF64" w14:textId="77777777" w:rsidTr="00EE797C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41D1AC2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Tinnitus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B983B5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A28B77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7143C9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E65EC5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7296E6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B7D04F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6343D4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D1F22C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E854A2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A79FC8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4D8A7E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6ADDD8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71835A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6CEDE3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92FFE0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131642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EDB1D0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6F67E7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95ECBD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4BEAF7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687AEB77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1845FC2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 xml:space="preserve">Eye disorders 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5A55D8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9BF412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EF1DA6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512B3E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F4BD5F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11A2CD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9F82A5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63A445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A1CAF9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EF49F7A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96F040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8B946D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C9F6E2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111B68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5566C9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54E630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0FAFFB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DF034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8DA57E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F129F6C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EE797C" w:rsidRPr="00EE797C" w14:paraId="6D310CB1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EA83063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Blurred vis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551EF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9254E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D10ED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32586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75E6D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24E5B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8EB9F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80E99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8DE37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25BA95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7B498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C1072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3B483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4E4DE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0F94A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C6763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B170E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44F06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C6CEB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BF550F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EE797C" w:rsidRPr="00EE797C" w14:paraId="668E339D" w14:textId="77777777" w:rsidTr="00EE797C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DC0DC23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lastRenderedPageBreak/>
              <w:t>Eye disorder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AC9EBA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F63383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C6FA2A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1C03F2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742B9F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5E6196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769F71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739D3D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08019C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D6A804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9C7DD1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37A79A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C99C68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261C7C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C396FD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2834E9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26AAA0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109D11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0A6630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A32B67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696ECFEA" w14:textId="77777777" w:rsidTr="00EE797C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85F0611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Gastrointestinal disorder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78B9ED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81ADC2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F3E4A3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97100A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4F2CC4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7552F0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FBA511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F85BE3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E9DDB8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7EBB5E9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AE6BDB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6CA3F4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DA70A1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1F91AE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2474BD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9F36CC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061C88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816C7E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2BE494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CECF48E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EE797C" w:rsidRPr="00EE797C" w14:paraId="67AE0181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B2B262A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Abdominal pa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63F12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271B1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481F5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E75DD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06F58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059F0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B35DE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258EB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E1576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BE3D2F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21AD9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0E565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1366F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626C1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D8D3E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46AEF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B4313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D02CB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507BB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8A6F26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4133B99B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97C9286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Constipat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0DDE4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15C54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9.7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3D189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E4573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F3432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633AE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D6A72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D8303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BF1AD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775173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08C83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F6A08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79491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F6C7D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5E131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0F72B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AFF93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F9378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D33F5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8326AA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1343D157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86436DD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Diarrhoe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99A80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D01C8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2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E3A79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A1DE7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E0707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4875E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DF05F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F59F3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EAC95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23A005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2AFFB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6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A1C71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5.8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6041A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C3A49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8F326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8CFCD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CDC8F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A43A9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68CB4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C4A8E5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.2%</w:t>
            </w:r>
          </w:p>
        </w:tc>
      </w:tr>
      <w:tr w:rsidR="00EE797C" w:rsidRPr="00EE797C" w14:paraId="62A4400A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BC2A463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Dry mouth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29432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0128A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82269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0FACC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64F9A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C9888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868FB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44F51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7B4C6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22DAA4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E9865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D35B5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0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64318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CD243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F25A5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7FD28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BD787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C32FC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0C576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E83000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1F85BB8B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239AE60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Dyspeps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E3848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60C95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9.7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1A2B8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05018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17B0C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E62A3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EDA0D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3F7E4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DBD8B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315881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11FF1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7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740C6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8.4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0D306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06967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C826A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7FCE6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1F0BC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14C05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24AA9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5B157E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3D2F11F0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87884AE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Flatulenc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87087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5C7D5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426B9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25938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98C96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7352D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3D63C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28F41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294F2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5CD7BF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1A219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87ED7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AE6E0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C02DC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A820D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00251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9B55B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344B6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3EC82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590558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3AE0BEA4" w14:textId="77777777" w:rsidTr="00EE797C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1CFE6A6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Mucosal inflammat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D04C9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161D7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75EA7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B1084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97BAA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E156E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CF2CB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F331B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C5F22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4E8558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260A4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648DA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9BD77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A53A0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B11EC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F67D2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2C183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AA9DA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7029C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7FE892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14394069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AFE5DC3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Nause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5FE6E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3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2AA07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41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5B8A1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CD746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2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F7DB1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9D512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3E534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0DA10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E7B2C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0C36F3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8D62E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7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18D37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8.4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74AE4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4FC3C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0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1649D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1A83F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452E3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0AB02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14762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406640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374C51D0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368AF05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Vomiting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0F397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1C84B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2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1D1FD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5AC17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9.7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BD982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83BFE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66CF2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26B04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45E78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9D07F1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A9372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B6A9A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7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97C34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2CA4C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B9985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172B9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EFE06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7F964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B4B54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19B20F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6C5EA976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5EB673E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Bloating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E469D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BC953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B68AA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F2BAD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F648C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52158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10371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1ECB9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75565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37D41E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5745D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20199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8345D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1B56F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E355D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60B70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59671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D5EE4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23B1E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16BB72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77A1FF0A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6980098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Device occlus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5B69E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FAED4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6EA52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C183A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E4A55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A8B8C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C4810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96DD4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B4EB9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6BF4CD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F46C9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F5A5A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E0F39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EE1F3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2FF9F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94432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E2112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B7FB8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392A0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30E536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5DE02249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CC20910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Dysphag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E269F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087A6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4BBDE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C1C2A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564CA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C85CE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A1759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281F7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4C896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F40E8F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36722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C5DF8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1D92C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9436C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0563E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D5797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A0C1A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315F0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17A76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97EBB3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1AE2005B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A904267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Faeces pal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505B3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C8E35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C6529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5AC6A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844BD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5F2A8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EFAE0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F3F75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65AD2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EB0D9D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A1955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EB506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79180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9B816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BF795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9E2E2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5CA50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3476E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C268F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040A40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294A799A" w14:textId="77777777" w:rsidTr="00EE797C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B346C09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proofErr w:type="spellStart"/>
            <w:r w:rsidRPr="00EE797C">
              <w:rPr>
                <w:rFonts w:eastAsia="Times New Roman"/>
                <w:sz w:val="20"/>
                <w:szCs w:val="20"/>
              </w:rPr>
              <w:t>Gastrooesophageal</w:t>
            </w:r>
            <w:proofErr w:type="spellEnd"/>
            <w:r w:rsidRPr="00EE797C">
              <w:rPr>
                <w:rFonts w:eastAsia="Times New Roman"/>
                <w:sz w:val="20"/>
                <w:szCs w:val="20"/>
              </w:rPr>
              <w:t xml:space="preserve"> reflux diseas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21925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F75A2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49BE5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17F05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6C003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500F7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6E6D3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60FC7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C3776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BC9113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A5966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872B1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8D8E2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93B58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A8C96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432C7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0DA5F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A52C0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96077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5A86C2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00821566" w14:textId="77777777" w:rsidTr="00EE797C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927C377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Loss of appetit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8280B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921B6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31BCD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268B6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BFB01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D30D8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BA4C6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12084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D34A4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9D472A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3E949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D6E8E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B1B86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FC93D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BFCCE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24D68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4677E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7356C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D4D30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DB193D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EE797C" w:rsidRPr="00EE797C" w14:paraId="7BA511A8" w14:textId="77777777" w:rsidTr="00EE797C">
        <w:trPr>
          <w:trHeight w:val="765"/>
        </w:trPr>
        <w:tc>
          <w:tcPr>
            <w:tcW w:w="19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97B9F8E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 xml:space="preserve">General disorders and administration site conditions 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A4D89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15DB34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8740D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CF6820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DA5C61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16DD63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380B62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19A86F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5F917F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55DB9EA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B1F463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F96484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91DAD1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846CFA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558B2A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C883A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6F7CC1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11BED8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D3504B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ABC0F55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EE797C" w:rsidRPr="00EE797C" w14:paraId="11A35940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6A35BD0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Fatigu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05DEC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6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3F61B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1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93730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B0C86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2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060B9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F75B5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7847D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69BDA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9D9DB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9B92EF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4C2C6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8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5111E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47.4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28057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7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664B2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8.4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5E9F8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1A5E3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9C9CC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3828E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8539B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4043CF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334D4A29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2A3A259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Fever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980FB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9FC21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E5A15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6AFD7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8A91E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0D06D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CB51F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14935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64B72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AD2875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9EF55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36D13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03FC5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F3C67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123DB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D677E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C3FF9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310FB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337F8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7AFEE1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32A0BA16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722D917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Oedema peripheral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EF2B2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579BA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9.7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FA8A9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A39C8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B96A9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3B2AD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E7BAA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F12B6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1BF7B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6FB491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303C9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90638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0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46747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EE542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1EDD4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1C558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09B00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B3A94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72F36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DEF5BC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29D0A68F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B0F9AD5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lastRenderedPageBreak/>
              <w:t>Ankle swelling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B3CA1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5D106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4BFC4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1A8E4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D1A88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3A9E8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E175D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71B0A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93262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12B691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6B05F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D0F5E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766D9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572F6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C2F57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50792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45991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0F478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389C2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5CC4DC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26C886C4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4927891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proofErr w:type="spellStart"/>
            <w:r w:rsidRPr="00EE797C">
              <w:rPr>
                <w:rFonts w:eastAsia="Times New Roman"/>
                <w:sz w:val="20"/>
                <w:szCs w:val="20"/>
              </w:rPr>
              <w:t>Edema</w:t>
            </w:r>
            <w:proofErr w:type="spellEnd"/>
            <w:r w:rsidRPr="00EE797C">
              <w:rPr>
                <w:rFonts w:eastAsia="Times New Roman"/>
                <w:sz w:val="20"/>
                <w:szCs w:val="20"/>
              </w:rPr>
              <w:t xml:space="preserve"> limb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282A7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F2F91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4BC97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7CC4B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930B8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2D0CB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4E5CF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51535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F5E6E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EA7E04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5475D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387AD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CE430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ED6B9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45146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2BEAF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E1C6C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93408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1F051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812DD8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564CD965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5E6CC11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Fatigu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2F913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E32B0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F64D8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0A529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10784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E2FF7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6EDFC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8CB36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CC7BB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1B420B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5897A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BF975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1E177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76D37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9AA47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A534B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E4259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83459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12422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680626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30FFE742" w14:textId="77777777" w:rsidTr="00EE797C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D3CE3D0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Pa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FC808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DB65F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E404B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965CC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71951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71243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8726C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E851A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90481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32A294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7DF53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35EF5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2BAFB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0050B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25BC3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B2A99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2068B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5DCEC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D29F2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92F91F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019838BC" w14:textId="77777777" w:rsidTr="00EE797C">
        <w:trPr>
          <w:trHeight w:val="510"/>
        </w:trPr>
        <w:tc>
          <w:tcPr>
            <w:tcW w:w="19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45794BC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 xml:space="preserve">Infections and infestations 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F1CE43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828B45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25D95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0FC16F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7CAF92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682B6A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563DE6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9189D4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616BCD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0714C85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917B3B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317C5E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7D1EC1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11AE94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631CC9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542DA0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672E76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6E4ED1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D27B9E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7DD587A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EE797C" w:rsidRPr="00EE797C" w14:paraId="5DB3F7C9" w14:textId="77777777" w:rsidTr="00EE797C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7C533E0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Lower respiratory infect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63FF5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470E7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03844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F6CB2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DD2AF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C6AA6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84661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4C97E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6C712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73EB9A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64C7C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52140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D6795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F954D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39C22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DB506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A761C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5E95C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A61ED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EF9BC2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4A7F70CC" w14:textId="77777777" w:rsidTr="00EE797C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C35CF22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Upper respiratory infect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58218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0AC0D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93A8B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BBE39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18299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01911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28723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B213F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B5248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148210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288B7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7A763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15430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B9BF9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7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F8898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BFFEC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9E7EE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78010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CBFC2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294334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27D3AE77" w14:textId="77777777" w:rsidTr="00EE797C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6172BB0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Urinary tract infect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F3AFC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ABC2B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5969E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41909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542B6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11B34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17B91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2431F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9ED58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972B0C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F48B1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8A136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16586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49BA3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7A7BB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E824B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D5848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4924A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0FE1B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A52715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4222D977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ED8CF1D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Chest infect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8E7B1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15801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E0D96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017B2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DEFB4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5AF11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E0DE6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C0A20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13EDF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39DAC6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EC76D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97D42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B2789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C8267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77C01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11735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83D9C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459D9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BAEFC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E8DD4A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23407B92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DFD7951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Herpes dermatiti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23FAB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56BDC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BAB5E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E17DD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A584E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E8B66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A9C26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943D2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FB5A3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EC191E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0635A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4574D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9FBA1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B2CC5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56E2F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4ED75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A81B7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319B0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15921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291824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1F235C59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BD16156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Pneumon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90142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621C5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E73A2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AFF69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94C14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C764E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77074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5DFC7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AB2F6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445876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67B10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00935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2088D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2E175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4234D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F27DA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CACC8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15299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EA4C5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D7EA8E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.3%</w:t>
            </w:r>
          </w:p>
        </w:tc>
      </w:tr>
      <w:tr w:rsidR="00EE797C" w:rsidRPr="00EE797C" w14:paraId="41B851C4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A9A8A6A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Sinusiti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BCD44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299F5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D2686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FC202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6AE8E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7623F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4D7A3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575E0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BE697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BE1B66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20618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49F0C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A6C46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C89F2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8F1E0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807BA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140EC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87DE1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5F93C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DB55CD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4E6E3AD9" w14:textId="77777777" w:rsidTr="00EE797C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725B0FB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Skin infect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0372C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576E8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38CF6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7A1E8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F2E98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F5C5D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B4E71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12003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9E69C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94C316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0F6AB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7EFBA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89F0F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EE1AC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8554F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18CB4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3AB32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F731D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3FBCB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A3716B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0EB5DB05" w14:textId="77777777" w:rsidTr="00EE797C">
        <w:trPr>
          <w:trHeight w:val="300"/>
        </w:trPr>
        <w:tc>
          <w:tcPr>
            <w:tcW w:w="19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5D479A9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Investigations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4C38A2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25A2F3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E9271C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8E270D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7CFB50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C1DA85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E8EB78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9E3B8C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5F6BB5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DB3F6B8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0C9CE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EC1C44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052814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DF7D21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D02A31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EF4D0E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6BCEDA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EB66F3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D94562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B47708E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EE797C" w:rsidRPr="00EE797C" w14:paraId="60A73ADB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1A003B7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Alkaline phosphat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BB667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5694C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95B2C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F8C0D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0A6FD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724BD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D59B0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A84BE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74D54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425ED8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159EB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75DFE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1BF84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0FFD8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7E002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D7D4F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1205E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7990F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BC0F7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FAAA5C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76CB5C0C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A89C2CC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Blood creatinin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02BA6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B6581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5E2D3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F88B8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0E05C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00524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611CF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A24D1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75094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1F1EE6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5346F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D7883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918F2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2EB27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80BE5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13044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979DC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8D163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9B036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FDEF0D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3DAE0A98" w14:textId="77777777" w:rsidTr="00EE797C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29742AD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Blood creatinine increased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E5CCA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E9DCF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CFD57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3C095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4059A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BB405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A0350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201FB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6CBFB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9029C7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39D07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FFE8B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8F427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F6B45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713BE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14060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371C3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42719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0CF1F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FAA91F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60C5816F" w14:textId="77777777" w:rsidTr="00EE797C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8D93199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Blood glucose increased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50A64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06E62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B743A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AB120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E0089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B54A9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FC3BC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8D495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43232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FA7C6B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7F1B8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4F8A4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78417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739E1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848C8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0F1AE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87512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40309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94BCE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F202F5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23C10DBD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4037530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proofErr w:type="spellStart"/>
            <w:r w:rsidRPr="00EE797C">
              <w:rPr>
                <w:rFonts w:eastAsia="Times New Roman"/>
                <w:sz w:val="20"/>
                <w:szCs w:val="20"/>
              </w:rPr>
              <w:t>Gct</w:t>
            </w:r>
            <w:proofErr w:type="spellEnd"/>
            <w:r w:rsidRPr="00EE797C">
              <w:rPr>
                <w:rFonts w:eastAsia="Times New Roman"/>
                <w:sz w:val="20"/>
                <w:szCs w:val="20"/>
              </w:rPr>
              <w:t xml:space="preserve"> increased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B3818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7E43F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01F54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2AA42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E7D7A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486AE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39B58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F4AEF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E90DC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1C343A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07DB0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696DC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A5895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91C55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4C571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B53DD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12DF1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062C3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DBC55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D2DDE9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1C815913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038DF0E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Sputum abnormal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D1FC4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C8ABC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72C5A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15D29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3DB24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EDB83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C209E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03960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A0391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4BB864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1AC72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5704F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65B9B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9185D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C8F23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00B85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ABC5D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D13E0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44FDC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FC8FC3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36C785CB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942E820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lastRenderedPageBreak/>
              <w:t>Weight decreased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CFCC4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DC593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569CB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C80D4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B11D2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B73C6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951BD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5A4B4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065E1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053C7B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22400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001AE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13C94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1DBB0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9DD12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6D2FB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CD417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549FC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83A98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60B9E5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3A544988" w14:textId="77777777" w:rsidTr="00EE797C">
        <w:trPr>
          <w:trHeight w:val="525"/>
        </w:trPr>
        <w:tc>
          <w:tcPr>
            <w:tcW w:w="19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F648A26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 xml:space="preserve">White blood cell </w:t>
            </w:r>
            <w:proofErr w:type="gramStart"/>
            <w:r w:rsidRPr="00EE797C">
              <w:rPr>
                <w:rFonts w:eastAsia="Times New Roman"/>
                <w:sz w:val="20"/>
                <w:szCs w:val="20"/>
              </w:rPr>
              <w:t>count</w:t>
            </w:r>
            <w:proofErr w:type="gramEnd"/>
            <w:r w:rsidRPr="00EE797C">
              <w:rPr>
                <w:rFonts w:eastAsia="Times New Roman"/>
                <w:sz w:val="20"/>
                <w:szCs w:val="20"/>
              </w:rPr>
              <w:t xml:space="preserve"> increased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F149FA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53CDCC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AEF5AF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B80D1C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7FC8D4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EC5537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31F87D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BAB494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527F50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8EFD02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311545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ADE58B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EFE31A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8C3D75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C281DB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A0990E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C0A005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6BC939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B774E0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AF9C05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6A096934" w14:textId="77777777" w:rsidTr="00EE797C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E95B947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Metabolism and nutrition disorder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F1AE96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C38982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7F11FA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E15DD1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D8E50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D73008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5A91B9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9558D9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7E535F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E515BD9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3D62BC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01840B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3340E3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4D1959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D25489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01C025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352402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B32F0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1FF244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E9DE28F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EE797C" w:rsidRPr="00EE797C" w14:paraId="323D4423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615E741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Anorex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5569A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8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C2F89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5.8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C8B42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B3B4C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9.7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2A044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F2685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9A927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F1175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1A904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31E85F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05D36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7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8B261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8.4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41829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3AEDA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BD39D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60390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78B88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4BFDF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5ACE5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5AB934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5AED898A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36BC189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Hyponatraem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ECA84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00308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51FC7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4E2F4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78816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09E2C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4DD54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FB7DE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19C57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7B9F33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B4AEF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AA259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70A0C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D45EA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4062F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219B5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50100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83865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C6122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8B3F5E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EE797C" w:rsidRPr="00EE797C" w14:paraId="39908612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5C25F2D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Decreased appetit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CA3EB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D454D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C665B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39C3A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1395C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66421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02792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EE65E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C7D9C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0FAB47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E9CE6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A161C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2FCC0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B31B1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23D09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0645B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AE3A6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044E7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4360D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2E796C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EE797C" w:rsidRPr="00EE797C" w14:paraId="718556E5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8742D7D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Hyperkalaem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02032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3FDAF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C1045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D11F3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A6E96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53FFC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87A74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29BEB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863D7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AF1911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571CE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FCC10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87089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61157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807DA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61FF5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8E382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0DE25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B06B0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8070CD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6543BFC0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3639384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proofErr w:type="spellStart"/>
            <w:r w:rsidRPr="00EE797C">
              <w:rPr>
                <w:rFonts w:eastAsia="Times New Roman"/>
                <w:sz w:val="20"/>
                <w:szCs w:val="20"/>
              </w:rPr>
              <w:t>Hypoalbuminaemia</w:t>
            </w:r>
            <w:proofErr w:type="spellEnd"/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1F006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5F33E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56FF8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94E8D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B5F01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C8E76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62C2E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DCA36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75F59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65BAB1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C0BB7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E4EA7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04E64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03DB7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07F0C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ACB5C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C6185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9F956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341A5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7E347B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63659F97" w14:textId="77777777" w:rsidTr="00EE797C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3201B76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proofErr w:type="spellStart"/>
            <w:r w:rsidRPr="00EE797C">
              <w:rPr>
                <w:rFonts w:eastAsia="Times New Roman"/>
                <w:sz w:val="20"/>
                <w:szCs w:val="20"/>
              </w:rPr>
              <w:t>Hypokalemia</w:t>
            </w:r>
            <w:proofErr w:type="spellEnd"/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1CA819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0DA644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546039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A054F4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8BEA42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4ABDB0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FFDC52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581327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87931F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C7F399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7D1DDD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937E4D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053936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14ABB3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AFC52C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D000EB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641FA7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C33967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21FC27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773753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2D426D3C" w14:textId="77777777" w:rsidTr="00EE797C">
        <w:trPr>
          <w:trHeight w:val="76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CA85C6A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 xml:space="preserve">Musculoskeletal and connective tissue disorders 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EE324F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0CFECD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97F349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5D182D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755C53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63BE28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82F4DA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F80D62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265FA9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330C848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8075F5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39FEF6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F6FDBB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70CB05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2961BA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96C70E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5F3D8C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C91F6C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C71394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A46E81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EE797C" w:rsidRPr="00EE797C" w14:paraId="00B00108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8655715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Arthralg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CABAF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74472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D9F1A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17F7F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8FD0D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4A837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A3610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CD09E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00BE2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68BA79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A972B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A2EA6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06C73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16188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B78A5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433E9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C5F56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6497F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26718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1DE856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7E573CFB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B245044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Back pa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28420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79FF8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4DAB7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B8265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A381F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BCC61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07CAB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F8225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4A8AC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FBA8AA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64D48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6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3AD01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5.8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4D8B9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F05DF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52C02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A25AB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7E909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7EE67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5B969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EAC983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423138FA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3CB5753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Chest wall pa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E20BF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F172C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CCD55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2077E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A43C2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A43AE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73584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0E586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628BF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0A031B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9FE8A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AE6C0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73E67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5D68D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8B61B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2F5A2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A2735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30B7E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0B580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43CF93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54773C06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56396AC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Hip pa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984C1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AC78F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A91DF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EFEAE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131C5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325A6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C3929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DC5F6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4518D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2D68D7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FE62F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26F81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0980C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9DF8A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591ED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0222A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F96CF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D60DF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E23BC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A1B4D7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52D0A1FD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D4686B2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Muscle weaknes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AA56A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CBCFA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E9812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0D507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D5037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F3512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7C822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9B101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C4A24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492AE4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339E0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421EA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9FAC2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9C8E8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142DD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2EE99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C536C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D43F9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98A45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FE5ED6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63FE7678" w14:textId="77777777" w:rsidTr="00EE797C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8E35B80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Musculoskeletal chest pa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3A094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81CE9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DF57B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35C22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9.7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67345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50522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6BE2B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E4F30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4B182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4EA38C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91155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ED804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0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5F086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D2EEE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23DB5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A1F3F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192B6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A25AF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87B18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AB384E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6CF761C3" w14:textId="77777777" w:rsidTr="00EE797C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413D0A8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Musculoskeletal disorder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38888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DBB36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7DA3E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066F1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E0EE2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1DCA8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EF6DE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579D5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3CFB4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081EF9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D0A72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A876D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E374B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005D5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092DB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2C9DC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ADA75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F9C2E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B6A28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F8719D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0B0AC1D8" w14:textId="77777777" w:rsidTr="00EE797C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96E5E10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Musculoskeletal pa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1B7F2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E8DD5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814AD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2034C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96868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B290C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69DA1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DFB6F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7ACDB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C32B0D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B7B76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04795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B0911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BA206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7ADAF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2F797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52CEF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DB080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CF47F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2087F5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25C8E530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6BB31A5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Pain in extremity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6C46E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E9F6F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B37DA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E7498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FD8BA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E4437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FC067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91CB5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32B1F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DE1C65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81E1C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BE51C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54F12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B42A2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C2E55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E581D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B2EE5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6E8C9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1583C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26C74C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254A5D13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70D35AF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lastRenderedPageBreak/>
              <w:t>Rheumatoid arthriti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D14CD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7DE53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D04F2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790D3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FBE6F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D88D9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BC96F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F996D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1DA18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2C9D06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4D6AB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02EFA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AFD07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DD9BC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AD273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C706D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5DF1A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0C1FE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2FEBE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D78FB3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710BCC51" w14:textId="77777777" w:rsidTr="00EE797C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0E1718D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Right arm ach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CE0B4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93B9E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507AB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815CA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CB80A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1268C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4B187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F5D26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95EFC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91D1CE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EBD3A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240E9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510EB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AEB4D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5B4EB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E8142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5918A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143A6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124D6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D3122A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2B3BE0E5" w14:textId="77777777" w:rsidTr="00EE797C">
        <w:trPr>
          <w:trHeight w:val="1020"/>
        </w:trPr>
        <w:tc>
          <w:tcPr>
            <w:tcW w:w="19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CAA233A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Neoplasms benign, malignant and unspecified (</w:t>
            </w:r>
            <w:proofErr w:type="spellStart"/>
            <w:r w:rsidRPr="00EE797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incl</w:t>
            </w:r>
            <w:proofErr w:type="spellEnd"/>
            <w:r w:rsidRPr="00EE797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 xml:space="preserve"> cysts and polyps) 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16662C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5A9ACC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F164C5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B3992E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085BB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B36BCC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3B55BE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550B53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A05CEC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A19A79E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40491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40D863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BA306C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E06CA4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B4750C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FAF9F2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536F50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E23BF5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22E792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81A7D0A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EE797C" w:rsidRPr="00EE797C" w14:paraId="43D414E3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32F7933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Pruritu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49625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4F2C2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5EA27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8CCE9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DD176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D84B0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C3E9C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EBFF4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AE644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548AA1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B3039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9D5E4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37440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3A9AA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4B390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D89FD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788ED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0B92A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053F3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357368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4C3B6794" w14:textId="77777777" w:rsidTr="00EE797C">
        <w:trPr>
          <w:trHeight w:val="52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A32309E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Pathological fracture imminent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7FE34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40133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2EADD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D061E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49CA3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DF894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A17B5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04EA8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A632E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0FBBD7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A0F14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55D3B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A8DF7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92927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0A4AE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E77D8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C8153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E3938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9FC87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ADA1A9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02035349" w14:textId="77777777" w:rsidTr="00EE797C">
        <w:trPr>
          <w:trHeight w:val="510"/>
        </w:trPr>
        <w:tc>
          <w:tcPr>
            <w:tcW w:w="19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E016652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 xml:space="preserve">Nervous system disorders 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BF0B31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1D2181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9B2F60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7543BA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B405D9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51100C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E1A1BB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066911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F95465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727686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DD1CB8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A3AEDD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781CF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FC10E9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21AB0A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AB63CC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202F54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C44F0F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19A600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5023DA2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EE797C" w:rsidRPr="00EE797C" w14:paraId="75B82B68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49ECC6B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Dizzines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1507D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DB250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2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27D6C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687A3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24B67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77E49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886E8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04574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9527C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823766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820BF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128FB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7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20897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47861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EFAF4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23A32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37459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76A38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6D3A4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962934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51D0B0FC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5662C38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Dysgeus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BB288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0D8D4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F1509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AD26A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B12CF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17A89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ABC26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4D0A6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952BB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EBA256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3AB7A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A4D24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236EE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62FCA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8326A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6F816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C536D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D5ED2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F81EE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DC74C8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5F6C669F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E22A5BD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Headach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3D169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99151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2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CA286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7DFC7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4A7E4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DA391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CDDB8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6BF40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7E9C6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F42AA5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8D37F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A9350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644B2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A2CE9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DC20A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DE013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E22EB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270D1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2E8A7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A83DAC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EE797C" w:rsidRPr="00EE797C" w14:paraId="68681CE4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CA9BE4C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Headach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F64FF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666ED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B77CF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42969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978D1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0CD00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963FA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1443E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7DE02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30C9C3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D1F3B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7EEE5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89A6E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D4504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183FE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5977A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4F6A7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B3AD8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13B44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CF9060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EE797C" w:rsidRPr="00EE797C" w14:paraId="09E98847" w14:textId="77777777" w:rsidTr="00EE797C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D29506F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Paraesthes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FFAAF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4E63E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5C5CA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5B5F8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6D080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DAA92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98DDB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7EA26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2A0DA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F59D81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C4CFB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60762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A12FC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B3947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52FCD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BA574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B3788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242AF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91F21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3024A5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09A93D03" w14:textId="77777777" w:rsidTr="00EE797C">
        <w:trPr>
          <w:trHeight w:val="300"/>
        </w:trPr>
        <w:tc>
          <w:tcPr>
            <w:tcW w:w="19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F1DBB86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 xml:space="preserve">Psychiatric disorders 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AFE934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9218CE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CE510E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086518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1B3B4F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BF2D9F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462A7F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D8F5D3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5B4F28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CF89184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F342A8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50E85F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EF46F9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829CB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C305A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BCA42B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F2F0EB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114568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A07F0C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D36C82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EE797C" w:rsidRPr="00EE797C" w14:paraId="1620B15D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C966273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Insomn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4B9EC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164F2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E8049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057BE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70608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35148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61837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FC5E5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BB223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11C7B3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AEA6C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41A91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00AE0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21E24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F237B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50991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0CC10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55BE3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6F6FA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81AC5B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68C46DBE" w14:textId="77777777" w:rsidTr="00EE797C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F40FE1E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proofErr w:type="spellStart"/>
            <w:r w:rsidRPr="00EE797C">
              <w:rPr>
                <w:rFonts w:eastAsia="Times New Roman"/>
                <w:sz w:val="20"/>
                <w:szCs w:val="20"/>
              </w:rPr>
              <w:t>Confusional</w:t>
            </w:r>
            <w:proofErr w:type="spellEnd"/>
            <w:r w:rsidRPr="00EE797C">
              <w:rPr>
                <w:rFonts w:eastAsia="Times New Roman"/>
                <w:sz w:val="20"/>
                <w:szCs w:val="20"/>
              </w:rPr>
              <w:t xml:space="preserve"> stat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61D41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122E5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881A5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68577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F18AA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625CD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8FF13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26318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472B1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34CCE6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97E08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8C4B1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2A95B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BE62D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E20E3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4864D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50840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E62C8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46258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11AB5F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663CCE38" w14:textId="77777777" w:rsidTr="00EE797C">
        <w:trPr>
          <w:trHeight w:val="510"/>
        </w:trPr>
        <w:tc>
          <w:tcPr>
            <w:tcW w:w="19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2B31320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 xml:space="preserve">Renal and urinary disorders 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F18B3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75A519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4BA92B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A59E7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BD8F93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39F1C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FCAD5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91D059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F2AA97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4874EE6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EACAE9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77221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629C59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14E8B0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2F6035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8ABAE8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310E4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FCA16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C841A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B8AC88F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EE797C" w:rsidRPr="00EE797C" w14:paraId="00E873E5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5C023FE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Micturition urgency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31A57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A55FB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55734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3534E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3C4DC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80916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57DD0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C7856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557FC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E14F54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13614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88374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BED35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BDFA4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3781E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7F94E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7FF98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94457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3A0AD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EBF032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2AF09039" w14:textId="77777777" w:rsidTr="00EE797C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0B2B663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Pollakiuria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30BD58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80B47B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3CB806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10B28A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4241C3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85A1EC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45B7AC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4811C7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82D358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96C50E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B681F8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48E830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A46004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A85A85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497F7E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50D709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FA63D3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787E69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3A4EBE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8FA71E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245B0630" w14:textId="77777777" w:rsidTr="00EE797C">
        <w:trPr>
          <w:trHeight w:val="76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9D9A45C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lastRenderedPageBreak/>
              <w:t xml:space="preserve">Respiratory, thoracic and mediastinal disorders 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834C77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19526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7B768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7F514C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5E76D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01488E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49608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080470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9F12C7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5A0512F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573956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3F7A1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3BF376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F7E2A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BF63B6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60E953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E3F56F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4B8CD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664AE6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854480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EE797C" w:rsidRPr="00EE797C" w14:paraId="27A0238D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3091F47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Coughing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01B75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E3688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5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2F1BA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43B5B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9E4F1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4C447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EBB51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900D9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668E4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86D48F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95A37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6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AC133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42.1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6A3E2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DE82A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482F5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4E010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8AB8F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E5ED5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CFCD5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8058A8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EE797C" w:rsidRPr="00EE797C" w14:paraId="433D1DA4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580AF24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Dyspnoe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CBC68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8C09B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2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5CFE2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8F0E1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6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1D304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D0C64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52EF5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B42E1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58708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4E2053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F014A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564C6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6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BDC23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CFA34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0.5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B692B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2810E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1C9F1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10324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65065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3B0085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EE797C" w:rsidRPr="00EE797C" w14:paraId="7BEF5618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AA6F838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Nasopharyngiti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8D357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47F34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4C288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BCB9E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34EFD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E10C6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A59F5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DE90D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685A6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06125D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F49B3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F27F9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15A70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B6D72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697BF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C5896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35D42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18561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ABE1F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A077A6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37444BE8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7C6DC05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Pneumoniti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F364B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6A889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0785E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A83EA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78DA7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6312B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D151D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3D85C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416FD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F6B86E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2448C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08DED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59FBA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191BA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47913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99DA5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5B32C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B79B9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D9AD0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7CFBAF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172DEAEE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220C345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Stomatiti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F00C8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1E58F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46AF4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BE0FB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6D43F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D5DAF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3ED77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DD4CA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D324C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D37766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C74F6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3CE18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A5C99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33B13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22BA3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4F8A8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824B1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886AE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7B0CB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CA4BE8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3A73F348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79A748A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'chest tightness'. sob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75C84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91D03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EEC30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BD8C1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B4E57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D3D12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0BDDF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4E74D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E5337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4F47AD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19EB7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6C02A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ADF41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79FE2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1727C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5DFDC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DE424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A2002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ECA7E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EF1B9D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239F2559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D48DA24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 xml:space="preserve">Allergic </w:t>
            </w:r>
            <w:proofErr w:type="spellStart"/>
            <w:r w:rsidRPr="00EE797C">
              <w:rPr>
                <w:rFonts w:eastAsia="Times New Roman"/>
                <w:sz w:val="20"/>
                <w:szCs w:val="20"/>
              </w:rPr>
              <w:t>rhinitus</w:t>
            </w:r>
            <w:proofErr w:type="spellEnd"/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E5476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F140B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4B8CF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6B77E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E4D90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65B24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7579D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CF95A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AD072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DF7405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6C7B7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CA262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2590F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37FAF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A3093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A5E4D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47EB6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1DF70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9B8F8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9DD234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49112BEB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B6896E8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Dysphon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672185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1DE96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8FD5A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05561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C3AC8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BFB07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E14F6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B0B0A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770A3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DD05F6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E9213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AC7EF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90B6B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BE0ED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4BA32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FBFA5C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469DC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1FABC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0D5B3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B702A3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15906011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2CEB468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Pleuritic pa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EBD20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E5EF2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14680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E7017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2F61C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C6262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B31F8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CD769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4A65E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135195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1A6CE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CFF61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21927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FD010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1C3D0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5F3D0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B5AB9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8546A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F368D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B0A4F4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15E08613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EC216A9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Productive cough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EC2AD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350F1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91B98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8762C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E489D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88BD2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CE001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E5B0A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B6786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435751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D8AD6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80D99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27CD1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F409D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29EA6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112EF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441F5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72088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BDA29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013779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249E2930" w14:textId="77777777" w:rsidTr="00EE797C">
        <w:trPr>
          <w:trHeight w:val="51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18437AE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Respiratory tract haemorrhage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58F19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381BF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95E03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C6B59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31D42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A5862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18952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1E02B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5AACE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CA8CB8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95B6B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8E6F4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50D65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3C44C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27CA3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8612F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92B69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74B54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5B0B2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3C7D76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EE797C" w:rsidRPr="00EE797C" w14:paraId="47C0B7F2" w14:textId="77777777" w:rsidTr="00EE797C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29EC976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Sputum discoloured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0A3A87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1825C4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11A1BF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1AF4C0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D04655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CB0DD6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82A142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153F94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D8FF6B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6F861A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1C662A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2C2D86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7F616A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6CF058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F13696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6C057B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BF298B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4DA9BD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19A949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243A29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7DB0213E" w14:textId="77777777" w:rsidTr="00EE797C">
        <w:trPr>
          <w:trHeight w:val="76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75D90E3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Skin and subcutaneous tissue disorder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8C235D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358AE3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1E1A1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DB5598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6F8A73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1F3CA3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661169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B6949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6FBF45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309A669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41FD03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942106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C3C136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D8333F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32D0AE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7C600E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7DBF7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264165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A7966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F410D8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EE797C" w:rsidRPr="00EE797C" w14:paraId="7E050DE6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8F852D0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Alopeci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8DE92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37479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9.7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C2BA2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6B867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11599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A6ED1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E17EA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C42EC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43351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D5781C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1A766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3D0F6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85C9C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9A907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A4EF6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81626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A868A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C4803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78009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DBAB02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041C9A06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2F33E3F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Blister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A7BCF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08636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D98DC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20E9B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B2732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F7C9E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0961A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F35F0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91DEB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D1A1BD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AA457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37E1F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E389D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2B7B7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2C117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A7EE6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70F6B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B6F2B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8A8E4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681295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682DF893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84D855C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Erythema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02089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0F7CF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39E4D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0D3FD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57AB6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571EA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40BCA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91F21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002DC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6E8D63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6F4BF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C2BF0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26C65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93889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ECD1C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391BA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E6DDB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D5701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3A8A7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6DF863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6118EBC9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6A60980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Rash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AC7552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19C6D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2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ED85F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390B3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6FA5C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36AB1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B4F54C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72FBB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2FEE5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CD6EB9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1939A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C68DA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.3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35C19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4FDFD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4A56B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ED01F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70707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98418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15C06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8827D9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23E86A14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41A675F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Dry sk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FC69D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7493F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5DACD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BDB2B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7CF54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DBBCB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E3198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5775F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5431A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E01E01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FE6E9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E5F62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20A80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DA21E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53783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37423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F37A2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A27CB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97623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29F4A0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7FD8A4B9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63A5231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lastRenderedPageBreak/>
              <w:t>Pain of sk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6FDBD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52CB1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45D2F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BC6FD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1B072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ED8B8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0D99C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D1068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F4AC3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98033F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557C9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99971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46B00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DB4EB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66897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B521D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DF9C4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7C3CE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39E26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1AE895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64A1611F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5345BA6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Psoriasi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ACAE5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A8506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21B71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78E8B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853AC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2DC7C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55059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C345F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60211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5E1918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9971D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B01D1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59D89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D7311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83DC9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B3138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0218F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8552B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C20D5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987AA6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1AA8D678" w14:textId="77777777" w:rsidTr="00EE797C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E17E085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Right skin leg pai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0D044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69762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E67AA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FC334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4735A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E331B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F7540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6092C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EC83A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383C54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3441A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C7B67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AF539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276ED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D4593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70744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293F4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6C5F5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91F4A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D62998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0C496262" w14:textId="77777777" w:rsidTr="00EE797C">
        <w:trPr>
          <w:trHeight w:val="300"/>
        </w:trPr>
        <w:tc>
          <w:tcPr>
            <w:tcW w:w="19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A3867D3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0"/>
                <w:szCs w:val="20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0"/>
                <w:szCs w:val="20"/>
              </w:rPr>
              <w:t>Vascular disorders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F3E64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D585A8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757EC3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8CB49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F7DB38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A1C43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F06545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69B6E6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9A5D2F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5F5C6C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398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D810D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1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0A0F2D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F4DE60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89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040F7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D16AF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009A48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264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2BAA39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2E4663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469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4F439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2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5DFF867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EE797C" w:rsidRPr="00EE797C" w14:paraId="32F444FD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65010B5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Hot flushes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9DD80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7664E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0AE23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94429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CAD3E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2FF7D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44ED4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4F3FF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54CC2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A28D8A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0C220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8282E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E54E6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FEC2B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81419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BD5C5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8D9CA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BF7B1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E346F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D26C22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  <w:tr w:rsidR="00EE797C" w:rsidRPr="00EE797C" w14:paraId="78AD6159" w14:textId="77777777" w:rsidTr="00EE797C">
        <w:trPr>
          <w:trHeight w:val="300"/>
        </w:trPr>
        <w:tc>
          <w:tcPr>
            <w:tcW w:w="19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007756D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Hypertension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30B66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D3800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E2DC1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213E1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57978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5CDF1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E79FB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4E817D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E64D9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C3BA18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.2%</w:t>
            </w:r>
          </w:p>
        </w:tc>
        <w:tc>
          <w:tcPr>
            <w:tcW w:w="398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B1763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89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0FF2DF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7.9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E509E8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</w:t>
            </w:r>
          </w:p>
        </w:tc>
        <w:tc>
          <w:tcPr>
            <w:tcW w:w="89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BA12A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3.2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695C0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FBE1C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10EDA6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79E427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3286C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7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F688B1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</w:tr>
      <w:tr w:rsidR="00EE797C" w:rsidRPr="00EE797C" w14:paraId="61C4DC76" w14:textId="77777777" w:rsidTr="00EE797C">
        <w:trPr>
          <w:trHeight w:val="315"/>
        </w:trPr>
        <w:tc>
          <w:tcPr>
            <w:tcW w:w="19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E7C8BAB" w14:textId="77777777" w:rsidR="00EE797C" w:rsidRPr="00EE797C" w:rsidRDefault="00EE797C" w:rsidP="00EE797C">
            <w:pPr>
              <w:jc w:val="right"/>
              <w:rPr>
                <w:rFonts w:eastAsia="Times New Roman"/>
                <w:sz w:val="20"/>
                <w:szCs w:val="20"/>
              </w:rPr>
            </w:pPr>
            <w:r w:rsidRPr="00EE797C">
              <w:rPr>
                <w:rFonts w:eastAsia="Times New Roman"/>
                <w:sz w:val="20"/>
                <w:szCs w:val="20"/>
              </w:rPr>
              <w:t>Vascular disorders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B06EE2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3EBD9A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A0A13EB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FAAEAF3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B04382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BEC16A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B2CD0C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151C47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8EB248E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FE64A2D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398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0B8A472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89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6898C40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.6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5D616C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89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1343AC9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BC02C3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66C920C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264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E2B90F5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864BC21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  <w:tc>
          <w:tcPr>
            <w:tcW w:w="469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B920F84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</w:p>
        </w:tc>
        <w:tc>
          <w:tcPr>
            <w:tcW w:w="7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D69E00A" w14:textId="77777777" w:rsidR="00EE797C" w:rsidRPr="00EE797C" w:rsidRDefault="00EE797C" w:rsidP="00EE797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.0%</w:t>
            </w:r>
          </w:p>
        </w:tc>
      </w:tr>
    </w:tbl>
    <w:p w14:paraId="559B0DD7" w14:textId="386ED583" w:rsidR="006C30E7" w:rsidRDefault="006C30E7" w:rsidP="006C30E7">
      <w:pPr>
        <w:rPr>
          <w:lang w:eastAsia="en-US"/>
        </w:rPr>
      </w:pPr>
    </w:p>
    <w:p w14:paraId="0F01C55B" w14:textId="51FCE177" w:rsidR="006C30E7" w:rsidRDefault="006C30E7" w:rsidP="006C30E7">
      <w:pPr>
        <w:rPr>
          <w:lang w:eastAsia="en-US"/>
        </w:rPr>
      </w:pPr>
    </w:p>
    <w:p w14:paraId="6D626EEA" w14:textId="77777777" w:rsidR="006C30E7" w:rsidRPr="00311D97" w:rsidRDefault="006C30E7" w:rsidP="00DB7731"/>
    <w:p w14:paraId="29D8E570" w14:textId="77777777" w:rsidR="003268E4" w:rsidRDefault="003268E4"/>
    <w:p w14:paraId="4BC51F4B" w14:textId="315719BD" w:rsidR="000D2CEE" w:rsidRDefault="000D2CEE">
      <w:pPr>
        <w:rPr>
          <w:rFonts w:asciiTheme="minorHAnsi" w:eastAsiaTheme="minorHAnsi" w:hAnsiTheme="minorHAnsi" w:cstheme="minorBidi"/>
          <w:b/>
          <w:bCs/>
          <w:sz w:val="18"/>
          <w:szCs w:val="18"/>
          <w:lang w:eastAsia="en-US"/>
        </w:rPr>
      </w:pPr>
      <w:r>
        <w:br w:type="page"/>
      </w:r>
    </w:p>
    <w:p w14:paraId="5F50F55B" w14:textId="2886A907" w:rsidR="000D2CEE" w:rsidRDefault="000D2CEE" w:rsidP="000D2CEE">
      <w:pPr>
        <w:pStyle w:val="Caption"/>
        <w:keepNext/>
      </w:pPr>
      <w:r>
        <w:lastRenderedPageBreak/>
        <w:t xml:space="preserve">Table </w:t>
      </w:r>
      <w:r>
        <w:fldChar w:fldCharType="begin"/>
      </w:r>
      <w:r>
        <w:instrText xml:space="preserve"> SEQ Table \* ARABIC </w:instrText>
      </w:r>
      <w:r>
        <w:fldChar w:fldCharType="separate"/>
      </w:r>
      <w:r w:rsidR="00970777">
        <w:rPr>
          <w:noProof/>
        </w:rPr>
        <w:t>11</w:t>
      </w:r>
      <w:r>
        <w:fldChar w:fldCharType="end"/>
      </w:r>
      <w:r>
        <w:t>: Radiological disease assessment</w:t>
      </w:r>
    </w:p>
    <w:tbl>
      <w:tblPr>
        <w:tblW w:w="12400" w:type="dxa"/>
        <w:tblLook w:val="04A0" w:firstRow="1" w:lastRow="0" w:firstColumn="1" w:lastColumn="0" w:noHBand="0" w:noVBand="1"/>
      </w:tblPr>
      <w:tblGrid>
        <w:gridCol w:w="2360"/>
        <w:gridCol w:w="1320"/>
        <w:gridCol w:w="1420"/>
        <w:gridCol w:w="1180"/>
        <w:gridCol w:w="1140"/>
        <w:gridCol w:w="1280"/>
        <w:gridCol w:w="1140"/>
        <w:gridCol w:w="1140"/>
        <w:gridCol w:w="1420"/>
      </w:tblGrid>
      <w:tr w:rsidR="00EE797C" w:rsidRPr="00EE797C" w14:paraId="3DF11148" w14:textId="77777777" w:rsidTr="00EE797C">
        <w:trPr>
          <w:trHeight w:val="300"/>
        </w:trPr>
        <w:tc>
          <w:tcPr>
            <w:tcW w:w="2360" w:type="dxa"/>
            <w:vMerge w:val="restart"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F7E152F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Table </w:t>
            </w:r>
            <w:proofErr w:type="gramStart"/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11 :</w:t>
            </w:r>
            <w:proofErr w:type="gramEnd"/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 Radiological disease assessment</w:t>
            </w:r>
          </w:p>
        </w:tc>
        <w:tc>
          <w:tcPr>
            <w:tcW w:w="274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32FF7A73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Baseline</w:t>
            </w:r>
          </w:p>
        </w:tc>
        <w:tc>
          <w:tcPr>
            <w:tcW w:w="232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0E096778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2</w:t>
            </w:r>
          </w:p>
        </w:tc>
        <w:tc>
          <w:tcPr>
            <w:tcW w:w="242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19D32A55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4</w:t>
            </w:r>
          </w:p>
        </w:tc>
        <w:tc>
          <w:tcPr>
            <w:tcW w:w="256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550BBA25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6</w:t>
            </w:r>
          </w:p>
        </w:tc>
      </w:tr>
      <w:tr w:rsidR="00EE797C" w:rsidRPr="00EE797C" w14:paraId="03F911AF" w14:textId="77777777" w:rsidTr="00EE797C">
        <w:trPr>
          <w:trHeight w:val="300"/>
        </w:trPr>
        <w:tc>
          <w:tcPr>
            <w:tcW w:w="2360" w:type="dxa"/>
            <w:vMerge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6430C9F3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C06477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5DB065D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901585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8967359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D3E3B1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1D2C649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0D8ED9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92DFABD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</w:tr>
      <w:tr w:rsidR="00EE797C" w:rsidRPr="00EE797C" w14:paraId="1CD0E65E" w14:textId="77777777" w:rsidTr="00EE797C">
        <w:trPr>
          <w:trHeight w:val="315"/>
        </w:trPr>
        <w:tc>
          <w:tcPr>
            <w:tcW w:w="2360" w:type="dxa"/>
            <w:vMerge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05282511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022C362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32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0AE6803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38</w:t>
            </w:r>
          </w:p>
        </w:tc>
        <w:tc>
          <w:tcPr>
            <w:tcW w:w="118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DD8F3A9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9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708798E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35</w:t>
            </w:r>
          </w:p>
        </w:tc>
        <w:tc>
          <w:tcPr>
            <w:tcW w:w="128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B2C15C1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9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54B466F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3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3D9E871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2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9B701E8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3</w:t>
            </w:r>
          </w:p>
        </w:tc>
      </w:tr>
      <w:tr w:rsidR="00EE797C" w:rsidRPr="00EE797C" w14:paraId="6C325737" w14:textId="77777777" w:rsidTr="00EE797C">
        <w:trPr>
          <w:trHeight w:val="9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52269C2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Longest Diameter of Target Tumours - n, median (IQR)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400780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76C930B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51C2CB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AAACF9F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EBD390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3201C20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E39ED1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4506B55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EE797C" w:rsidRPr="00EE797C" w14:paraId="136A2360" w14:textId="77777777" w:rsidTr="00EE797C">
        <w:trPr>
          <w:trHeight w:val="48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248CC2A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Primary tumour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DCD405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8, 32.5 (22.5-42.5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62A6F0C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3, 38 (24-48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4F2FB9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5, 38 (25.5-47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8AAE70F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1, 38 (25-55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F6F196B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6, 42.5 (32-51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42EF828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0, 38.5 (19.5-49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8F31203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9, 50 (33-57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006E41E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2, 37 (17-49.5)</w:t>
            </w:r>
          </w:p>
        </w:tc>
      </w:tr>
      <w:tr w:rsidR="00EE797C" w:rsidRPr="00EE797C" w14:paraId="22CC9597" w14:textId="77777777" w:rsidTr="00EE797C">
        <w:trPr>
          <w:trHeight w:val="48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9DBD07F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Lymph node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0DA81F0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, 16 (15-18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9B799F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9, 16 (13-19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399B6E0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, 15 (14-16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B0980AC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8, 19.5 (16.5-20.5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69A2366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4, 12.5 (11.5-15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24CBC86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5, 18 (17-21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4E92A8F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, 13 (12-19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0128D89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, 18.5 (13-24)</w:t>
            </w:r>
          </w:p>
        </w:tc>
      </w:tr>
      <w:tr w:rsidR="00EE797C" w:rsidRPr="00EE797C" w14:paraId="67807D68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D938D03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Brain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09566AF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E912310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0FAEE55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59624B3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C0A972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D54BE5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7177C1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AFFEEFF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</w:tr>
      <w:tr w:rsidR="00EE797C" w:rsidRPr="00EE797C" w14:paraId="572B2F35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757F7A4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Bone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4C427E5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39 (39-39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43B4373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09762A7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38 (38-38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AB06C45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D367779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38 (38-38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D921FB8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79D7A99C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192C8B8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</w:tr>
      <w:tr w:rsidR="00EE797C" w:rsidRPr="00EE797C" w14:paraId="6F2C360E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EBEE177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Liver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BDC6A9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, 16 (16-16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1F142CD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26 (26-26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F9C6B58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18 (18-18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ECEE3A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22 (22-22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71FFDECB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21 (21-21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013183F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24 (24-24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7795DE28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B78AA5B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24 (24-24)</w:t>
            </w:r>
          </w:p>
        </w:tc>
      </w:tr>
      <w:tr w:rsidR="00EE797C" w:rsidRPr="00EE797C" w14:paraId="1AE690B3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E229E7E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Adrenal glands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126EE5C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, 47.5 (36-59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D932E2B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, 15.5 (11-20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25EECEF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, 42.5 (31-54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EB440F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, 14 (9-19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42D7A7C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, 41 (28-54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FC0B259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11 (11-11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E86EF3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30 (30-30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994575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20 (20-20)</w:t>
            </w:r>
          </w:p>
        </w:tc>
      </w:tr>
      <w:tr w:rsidR="00EE797C" w:rsidRPr="00EE797C" w14:paraId="54DE2D2E" w14:textId="77777777" w:rsidTr="00EE797C">
        <w:trPr>
          <w:trHeight w:val="48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A49E771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Lung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040874F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39 (39-39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693B07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, 65.5 (54-77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AE501F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27 (27-27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E887668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, 41.5 (15-68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4335749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28.5 (22-35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0A86DC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16 (16-16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78873D9B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11 (11-11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75361DC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</w:tr>
      <w:tr w:rsidR="00EE797C" w:rsidRPr="00EE797C" w14:paraId="6AE0567D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A782C14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Anterior mediastinum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F3FEA76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30 (30-30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212799F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9D0B0E9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42 (42-42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61FC710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C24AAA5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5B3631E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DEE546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B280F5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</w:tr>
      <w:tr w:rsidR="00EE797C" w:rsidRPr="00EE797C" w14:paraId="08A8646B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B62DEDD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proofErr w:type="spellStart"/>
            <w:r w:rsidRPr="00EE797C">
              <w:rPr>
                <w:rFonts w:eastAsia="Times New Roman"/>
                <w:sz w:val="22"/>
                <w:szCs w:val="22"/>
              </w:rPr>
              <w:t>Paracardiac</w:t>
            </w:r>
            <w:proofErr w:type="spellEnd"/>
            <w:r w:rsidRPr="00EE797C">
              <w:rPr>
                <w:rFonts w:eastAsia="Times New Roman"/>
                <w:sz w:val="22"/>
                <w:szCs w:val="22"/>
              </w:rPr>
              <w:t xml:space="preserve"> chest wall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B0C9C06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DCA86EC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38 (38-38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DA6BF10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0FC8C8C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47 (47-47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3A8B87E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ABA875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0E654EC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F54861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</w:tr>
      <w:tr w:rsidR="00EE797C" w:rsidRPr="00EE797C" w14:paraId="1A7E63E0" w14:textId="77777777" w:rsidTr="00EE797C">
        <w:trPr>
          <w:trHeight w:val="315"/>
        </w:trPr>
        <w:tc>
          <w:tcPr>
            <w:tcW w:w="236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F210FDC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Spleen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center"/>
            <w:hideMark/>
          </w:tcPr>
          <w:p w14:paraId="726A48D7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279676C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17 (17-17)</w:t>
            </w:r>
          </w:p>
        </w:tc>
        <w:tc>
          <w:tcPr>
            <w:tcW w:w="118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center"/>
            <w:hideMark/>
          </w:tcPr>
          <w:p w14:paraId="36819C3C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5538955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21 (21-21)</w:t>
            </w:r>
          </w:p>
        </w:tc>
        <w:tc>
          <w:tcPr>
            <w:tcW w:w="128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center"/>
            <w:hideMark/>
          </w:tcPr>
          <w:p w14:paraId="10C84C10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F1AAE8B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center"/>
            <w:hideMark/>
          </w:tcPr>
          <w:p w14:paraId="6DA6F53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9194BD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</w:tr>
      <w:tr w:rsidR="00EE797C" w:rsidRPr="00EE797C" w14:paraId="756971FD" w14:textId="77777777" w:rsidTr="00EE797C">
        <w:trPr>
          <w:trHeight w:val="915"/>
        </w:trPr>
        <w:tc>
          <w:tcPr>
            <w:tcW w:w="236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DCA3EC5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Sum of Longest Diameters - n, median (IQR)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2D706D3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0, 53.5 (30-69)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E2D9ED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6, 44.5 (33-62.5)</w:t>
            </w:r>
          </w:p>
        </w:tc>
        <w:tc>
          <w:tcPr>
            <w:tcW w:w="118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733CEA3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7, 58 (27-73)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98B1AF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3, 47 (32-73)</w:t>
            </w:r>
          </w:p>
        </w:tc>
        <w:tc>
          <w:tcPr>
            <w:tcW w:w="128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895F760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8, 61.5 (43-79)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C401E13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1, 46 (32-60)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2CEB6F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0, 60 (28-80)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F4CEE93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2, 44 (31-63.5)</w:t>
            </w:r>
          </w:p>
        </w:tc>
      </w:tr>
      <w:tr w:rsidR="00EE797C" w:rsidRPr="00EE797C" w14:paraId="67C20246" w14:textId="77777777" w:rsidTr="00EE797C">
        <w:trPr>
          <w:trHeight w:val="615"/>
        </w:trPr>
        <w:tc>
          <w:tcPr>
            <w:tcW w:w="236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946E906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lastRenderedPageBreak/>
              <w:t>Minimum SLD - n, median (IQR)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0667D98" w14:textId="77777777" w:rsidR="00EE797C" w:rsidRPr="00EE797C" w:rsidRDefault="00EE797C" w:rsidP="00EE797C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NA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6ED1811" w14:textId="77777777" w:rsidR="00EE797C" w:rsidRPr="00EE797C" w:rsidRDefault="00EE797C" w:rsidP="00EE797C">
            <w:pPr>
              <w:jc w:val="center"/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NA</w:t>
            </w:r>
          </w:p>
        </w:tc>
        <w:tc>
          <w:tcPr>
            <w:tcW w:w="118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0C13AEF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7, 52 (24-67)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FFEDF3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3, 43 (30-62)</w:t>
            </w:r>
          </w:p>
        </w:tc>
        <w:tc>
          <w:tcPr>
            <w:tcW w:w="128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FC5BBD0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8, 58 (37-69)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FC2E00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1, 42 (30-57)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219084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0, 48 (27-61)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55EFAA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2, 41.5 (27.5-60)</w:t>
            </w:r>
          </w:p>
        </w:tc>
      </w:tr>
    </w:tbl>
    <w:p w14:paraId="52884E6B" w14:textId="77777777" w:rsidR="00EE797C" w:rsidRDefault="00EE797C">
      <w:r>
        <w:br w:type="page"/>
      </w:r>
    </w:p>
    <w:tbl>
      <w:tblPr>
        <w:tblW w:w="12400" w:type="dxa"/>
        <w:tblInd w:w="10" w:type="dxa"/>
        <w:tblLook w:val="04A0" w:firstRow="1" w:lastRow="0" w:firstColumn="1" w:lastColumn="0" w:noHBand="0" w:noVBand="1"/>
      </w:tblPr>
      <w:tblGrid>
        <w:gridCol w:w="2360"/>
        <w:gridCol w:w="1320"/>
        <w:gridCol w:w="1420"/>
        <w:gridCol w:w="1180"/>
        <w:gridCol w:w="1140"/>
        <w:gridCol w:w="1280"/>
        <w:gridCol w:w="1140"/>
        <w:gridCol w:w="1140"/>
        <w:gridCol w:w="1420"/>
      </w:tblGrid>
      <w:tr w:rsidR="00EE797C" w:rsidRPr="00EE797C" w14:paraId="7E5E29DC" w14:textId="77777777" w:rsidTr="00EE797C">
        <w:trPr>
          <w:trHeight w:val="315"/>
        </w:trPr>
        <w:tc>
          <w:tcPr>
            <w:tcW w:w="23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center"/>
            <w:hideMark/>
          </w:tcPr>
          <w:p w14:paraId="18DE2713" w14:textId="5F8027EB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lastRenderedPageBreak/>
              <w:t> 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1D8DD01B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64756B3B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079FA4F5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1287FB69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05C4ABA9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64FA34EE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6DCD73B0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7DDC0FFC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EE797C" w:rsidRPr="00EE797C" w14:paraId="21A4B0E9" w14:textId="77777777" w:rsidTr="00EE797C">
        <w:trPr>
          <w:trHeight w:val="300"/>
        </w:trPr>
        <w:tc>
          <w:tcPr>
            <w:tcW w:w="2360" w:type="dxa"/>
            <w:vMerge w:val="restart"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D78CBBD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 </w:t>
            </w:r>
          </w:p>
        </w:tc>
        <w:tc>
          <w:tcPr>
            <w:tcW w:w="274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1E2D0461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8</w:t>
            </w:r>
          </w:p>
        </w:tc>
        <w:tc>
          <w:tcPr>
            <w:tcW w:w="232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400DB450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0</w:t>
            </w:r>
          </w:p>
        </w:tc>
        <w:tc>
          <w:tcPr>
            <w:tcW w:w="242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68CB27F1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2</w:t>
            </w:r>
          </w:p>
        </w:tc>
        <w:tc>
          <w:tcPr>
            <w:tcW w:w="256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54C8424F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4</w:t>
            </w:r>
          </w:p>
        </w:tc>
      </w:tr>
      <w:tr w:rsidR="00EE797C" w:rsidRPr="00EE797C" w14:paraId="69A3695D" w14:textId="77777777" w:rsidTr="00EE797C">
        <w:trPr>
          <w:trHeight w:val="300"/>
        </w:trPr>
        <w:tc>
          <w:tcPr>
            <w:tcW w:w="2360" w:type="dxa"/>
            <w:vMerge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462396D0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5D7DEE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3B50188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0891BB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DCB65CF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0D9CDA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8472B57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D5681C6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ABD4241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</w:tr>
      <w:tr w:rsidR="00EE797C" w:rsidRPr="00EE797C" w14:paraId="505C0D21" w14:textId="77777777" w:rsidTr="00EE797C">
        <w:trPr>
          <w:trHeight w:val="315"/>
        </w:trPr>
        <w:tc>
          <w:tcPr>
            <w:tcW w:w="2360" w:type="dxa"/>
            <w:vMerge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3D0E0601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E091972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6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E221663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7</w:t>
            </w:r>
          </w:p>
        </w:tc>
        <w:tc>
          <w:tcPr>
            <w:tcW w:w="118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CC1A3FE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BBCFA73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28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BE0E9F1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E7B860F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3D2E08B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BFCE7F9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</w:tr>
      <w:tr w:rsidR="00EE797C" w:rsidRPr="00EE797C" w14:paraId="02E24558" w14:textId="77777777" w:rsidTr="00EE797C">
        <w:trPr>
          <w:trHeight w:val="9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6708460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Longest Diameter of Target Tumours - n, median (IQR)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934B76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EC2DFFC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179286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45CFF90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C50BD6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863C006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CA7141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267CAF8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EE797C" w:rsidRPr="00EE797C" w14:paraId="4943179A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D8AEBC1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Primary tumour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5831A18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3, 28 (14-60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18CC01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6, 45 (26-48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FB1329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, 21 (14-28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BEF2365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44 (44-44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02DD7CC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, 24.5 (15-34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9BC7B90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EDCFD9B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15 (15-15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EFA094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</w:tr>
      <w:tr w:rsidR="00EE797C" w:rsidRPr="00EE797C" w14:paraId="5ADAF10E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DED3FDF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Lymph node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1B80816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C1ADEB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35 (35-35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7DDE6765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83193E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102F596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9941C9C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721A7173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B7F39D7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</w:tr>
      <w:tr w:rsidR="00EE797C" w:rsidRPr="00EE797C" w14:paraId="16908C54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C5E7AFB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Brain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FA0C14D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524AA2D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AA135EB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59E73B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AC9997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311DC66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F41114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E4134B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</w:tr>
      <w:tr w:rsidR="00EE797C" w:rsidRPr="00EE797C" w14:paraId="47618369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264344E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Bone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9375A3F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43 (43-43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B8DE86B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E1A404B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021349F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4EC7428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E30E57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4DF01C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A5343EB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</w:tr>
      <w:tr w:rsidR="00EE797C" w:rsidRPr="00EE797C" w14:paraId="0BAA328B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2FB2259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Liver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7761639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38 (38-38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E362E4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40 (40-40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F9996BC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2386E68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9F069E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71B2F10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8E94D7B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94E4B4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</w:tr>
      <w:tr w:rsidR="00EE797C" w:rsidRPr="00EE797C" w14:paraId="4E3EA8F6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B61B2E0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Adrenal glands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E17ED95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27 (27-27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702151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5EEFFE6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CDBE26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A89B768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04DBB6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11BB8E9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F918F99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</w:tr>
      <w:tr w:rsidR="00EE797C" w:rsidRPr="00EE797C" w14:paraId="35B642B4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4E4D10A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Lung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9344725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59A4078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9A7EFE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AAAF5C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BA418CE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158692E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7C7FB7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E0660A3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</w:tr>
      <w:tr w:rsidR="00EE797C" w:rsidRPr="00EE797C" w14:paraId="7EBEE4D7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C29C60A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Anterior mediastinum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99F2E85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AC889B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A57424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096D57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587319B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E86F42D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A525FA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52B71F0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</w:tr>
      <w:tr w:rsidR="00EE797C" w:rsidRPr="00EE797C" w14:paraId="2D8236FD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C5E1871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proofErr w:type="spellStart"/>
            <w:r w:rsidRPr="00EE797C">
              <w:rPr>
                <w:rFonts w:eastAsia="Times New Roman"/>
                <w:sz w:val="22"/>
                <w:szCs w:val="22"/>
              </w:rPr>
              <w:t>Paracardiac</w:t>
            </w:r>
            <w:proofErr w:type="spellEnd"/>
            <w:r w:rsidRPr="00EE797C">
              <w:rPr>
                <w:rFonts w:eastAsia="Times New Roman"/>
                <w:sz w:val="22"/>
                <w:szCs w:val="22"/>
              </w:rPr>
              <w:t xml:space="preserve"> chest wall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0DCAF7F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D456C2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B523BC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CCB281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8CCDC8E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6361F4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55A017E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8F80270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</w:tr>
      <w:tr w:rsidR="00EE797C" w:rsidRPr="00EE797C" w14:paraId="7E9A3321" w14:textId="77777777" w:rsidTr="00EE797C">
        <w:trPr>
          <w:trHeight w:val="315"/>
        </w:trPr>
        <w:tc>
          <w:tcPr>
            <w:tcW w:w="236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7845981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Spleen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center"/>
            <w:hideMark/>
          </w:tcPr>
          <w:p w14:paraId="2B6AA2A6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4EE8CA7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8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center"/>
            <w:hideMark/>
          </w:tcPr>
          <w:p w14:paraId="3E96AE0C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59FD1DC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center"/>
            <w:hideMark/>
          </w:tcPr>
          <w:p w14:paraId="4F42B40C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D02030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center"/>
            <w:hideMark/>
          </w:tcPr>
          <w:p w14:paraId="613A249D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E9B806B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</w:tr>
      <w:tr w:rsidR="00EE797C" w:rsidRPr="00EE797C" w14:paraId="32C760CE" w14:textId="77777777" w:rsidTr="00EE797C">
        <w:trPr>
          <w:trHeight w:val="915"/>
        </w:trPr>
        <w:tc>
          <w:tcPr>
            <w:tcW w:w="236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CA863E8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Sum of Longest Diameters - n, median (IQR)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30DC346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4, 57.5 (21-99.5)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2094859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6, 63.5 (45-88)</w:t>
            </w:r>
          </w:p>
        </w:tc>
        <w:tc>
          <w:tcPr>
            <w:tcW w:w="118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92931BB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, 21 (14-28)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C65C40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44 (44-44)</w:t>
            </w:r>
          </w:p>
        </w:tc>
        <w:tc>
          <w:tcPr>
            <w:tcW w:w="128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71D118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, 24.5 (15-34)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1359C7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0BF6A5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15 (15-15)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A5ED2BC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</w:tr>
      <w:tr w:rsidR="00EE797C" w:rsidRPr="00EE797C" w14:paraId="5EB4EE58" w14:textId="77777777" w:rsidTr="00EE797C">
        <w:trPr>
          <w:trHeight w:val="615"/>
        </w:trPr>
        <w:tc>
          <w:tcPr>
            <w:tcW w:w="236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5D99CA6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Minimum SLD - n, median (IQR)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85B4FAB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4, 20.5 (13-47)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20C11E9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6, 52 (30-69)</w:t>
            </w:r>
          </w:p>
        </w:tc>
        <w:tc>
          <w:tcPr>
            <w:tcW w:w="118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417F9B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, 20.5 (14-27)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6D4257F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25 (25-25)</w:t>
            </w:r>
          </w:p>
        </w:tc>
        <w:tc>
          <w:tcPr>
            <w:tcW w:w="128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3AF333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2, 20.5 (14-27)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34C4953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0A5E386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14 (14-14)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716548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</w:tr>
    </w:tbl>
    <w:p w14:paraId="636F6B54" w14:textId="77777777" w:rsidR="004242B7" w:rsidRDefault="004242B7">
      <w:r>
        <w:br w:type="page"/>
      </w:r>
    </w:p>
    <w:tbl>
      <w:tblPr>
        <w:tblW w:w="12400" w:type="dxa"/>
        <w:tblInd w:w="10" w:type="dxa"/>
        <w:tblLook w:val="04A0" w:firstRow="1" w:lastRow="0" w:firstColumn="1" w:lastColumn="0" w:noHBand="0" w:noVBand="1"/>
      </w:tblPr>
      <w:tblGrid>
        <w:gridCol w:w="2360"/>
        <w:gridCol w:w="1320"/>
        <w:gridCol w:w="1420"/>
        <w:gridCol w:w="1180"/>
        <w:gridCol w:w="1140"/>
        <w:gridCol w:w="1280"/>
        <w:gridCol w:w="1140"/>
        <w:gridCol w:w="1140"/>
        <w:gridCol w:w="1420"/>
      </w:tblGrid>
      <w:tr w:rsidR="00EE797C" w:rsidRPr="00EE797C" w14:paraId="64ED136C" w14:textId="77777777" w:rsidTr="00EE797C">
        <w:trPr>
          <w:trHeight w:val="315"/>
        </w:trPr>
        <w:tc>
          <w:tcPr>
            <w:tcW w:w="23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vAlign w:val="center"/>
            <w:hideMark/>
          </w:tcPr>
          <w:p w14:paraId="5E288E1E" w14:textId="205B238C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lastRenderedPageBreak/>
              <w:t> 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54E1012B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56F6BA84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525E495F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06319F2D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38B436C6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74A610F5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21E58EB4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7EA04111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EE797C" w:rsidRPr="00EE797C" w14:paraId="686D7F52" w14:textId="77777777" w:rsidTr="00EE797C">
        <w:trPr>
          <w:trHeight w:val="300"/>
        </w:trPr>
        <w:tc>
          <w:tcPr>
            <w:tcW w:w="2360" w:type="dxa"/>
            <w:vMerge w:val="restart"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60F05F3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 </w:t>
            </w:r>
          </w:p>
        </w:tc>
        <w:tc>
          <w:tcPr>
            <w:tcW w:w="274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396434D0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6</w:t>
            </w:r>
          </w:p>
        </w:tc>
        <w:tc>
          <w:tcPr>
            <w:tcW w:w="232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544ADB04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8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56C0FEEB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45006EBD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3CA51BAE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2523C5F1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EE797C" w:rsidRPr="00EE797C" w14:paraId="318F734B" w14:textId="77777777" w:rsidTr="00EE797C">
        <w:trPr>
          <w:trHeight w:val="300"/>
        </w:trPr>
        <w:tc>
          <w:tcPr>
            <w:tcW w:w="2360" w:type="dxa"/>
            <w:vMerge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4BBA65A6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DA6A9E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E391D04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1B18B0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A8F0A0D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3C818724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502A3191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7DBC5812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3D8BA6EC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EE797C" w:rsidRPr="00EE797C" w14:paraId="73A5A780" w14:textId="77777777" w:rsidTr="00EE797C">
        <w:trPr>
          <w:trHeight w:val="315"/>
        </w:trPr>
        <w:tc>
          <w:tcPr>
            <w:tcW w:w="2360" w:type="dxa"/>
            <w:vMerge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6746C9A1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1B206F9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5C23DFF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118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7D13AAD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0C4CCEC" w14:textId="77777777" w:rsidR="00EE797C" w:rsidRPr="00EE797C" w:rsidRDefault="00EE797C" w:rsidP="00EE797C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58F65DEA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7E7DAE39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3691C734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1193F188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EE797C" w:rsidRPr="00EE797C" w14:paraId="13DB4A12" w14:textId="77777777" w:rsidTr="00EE797C">
        <w:trPr>
          <w:trHeight w:val="9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517C313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Longest Diameter of Target Tumours - n, median (IQR)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A38731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B865417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54E8C5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372B57E" w14:textId="77777777" w:rsidR="00EE797C" w:rsidRPr="00EE797C" w:rsidRDefault="00EE797C" w:rsidP="00EE797C">
            <w:pPr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52A97A37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4AC268D8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1F3D10A5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04B44C2F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EE797C" w:rsidRPr="00EE797C" w14:paraId="02268A13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EB54158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Primary tumour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A98BEA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14 (14-14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0D63BC0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5BEE1A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14 (14-14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6E2D61F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773D597F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079F4F42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05B03CAB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55142D9C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EE797C" w:rsidRPr="00EE797C" w14:paraId="4FC9B52F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B8BAA8F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Lymph node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81AF78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D96129E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154E97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18CC78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20CE7AD4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2C4ADE20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4F383390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3A1EEF28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EE797C" w:rsidRPr="00EE797C" w14:paraId="3CBA0D59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838BC3F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Brain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39A6D25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659D70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F9AA598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ACF9CB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09BB48C3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70E30A1F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51084AAF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46260C7E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EE797C" w:rsidRPr="00EE797C" w14:paraId="346F1374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89EE56D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Bone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2D45520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6D26DE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1CE7F53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9F74F51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4FAAD129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6726F09A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5BE93490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1C925261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EE797C" w:rsidRPr="00EE797C" w14:paraId="1750BBD0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44A162B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Liver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9413EF8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71997A5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BDB6FD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C5DFE85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0CF9FA61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6D070858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41D7FF25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16640CEE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EE797C" w:rsidRPr="00EE797C" w14:paraId="52D9AF74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F41DAA1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Adrenal glands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C6D1193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F48325C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7FC0B3EE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EC3C0B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56C55E6F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6CC4B15F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50D57CAD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291CD9BB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EE797C" w:rsidRPr="00EE797C" w14:paraId="3D49AF0C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42CCACA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Lung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56C4C19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6B0351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0F0D327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1E129F5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3613449E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1C3C261D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4A8EE04E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663FEBE5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EE797C" w:rsidRPr="00EE797C" w14:paraId="6A366B3A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ECD26B1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Anterior mediastinum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F522B25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E4DF1EB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F46CF84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A93BA45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005DAF34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251711F8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011913CB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3A18F331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EE797C" w:rsidRPr="00EE797C" w14:paraId="04546ABF" w14:textId="77777777" w:rsidTr="00EE797C">
        <w:trPr>
          <w:trHeight w:val="300"/>
        </w:trPr>
        <w:tc>
          <w:tcPr>
            <w:tcW w:w="236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4BC7FDD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proofErr w:type="spellStart"/>
            <w:r w:rsidRPr="00EE797C">
              <w:rPr>
                <w:rFonts w:eastAsia="Times New Roman"/>
                <w:sz w:val="22"/>
                <w:szCs w:val="22"/>
              </w:rPr>
              <w:t>Paracardiac</w:t>
            </w:r>
            <w:proofErr w:type="spellEnd"/>
            <w:r w:rsidRPr="00EE797C">
              <w:rPr>
                <w:rFonts w:eastAsia="Times New Roman"/>
                <w:sz w:val="22"/>
                <w:szCs w:val="22"/>
              </w:rPr>
              <w:t xml:space="preserve"> chest wall</w:t>
            </w:r>
          </w:p>
        </w:tc>
        <w:tc>
          <w:tcPr>
            <w:tcW w:w="13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E821B6D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062EBC8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DFC208F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C7A040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5FF9B14C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09139D42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5084AEFD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0D39FABA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EE797C" w:rsidRPr="00EE797C" w14:paraId="758C6D18" w14:textId="77777777" w:rsidTr="00EE797C">
        <w:trPr>
          <w:trHeight w:val="315"/>
        </w:trPr>
        <w:tc>
          <w:tcPr>
            <w:tcW w:w="236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58FC534" w14:textId="77777777" w:rsidR="00EE797C" w:rsidRPr="00EE797C" w:rsidRDefault="00EE797C" w:rsidP="00EE797C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EE797C">
              <w:rPr>
                <w:rFonts w:eastAsia="Times New Roman"/>
                <w:sz w:val="22"/>
                <w:szCs w:val="22"/>
              </w:rPr>
              <w:t>Spleen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center"/>
            <w:hideMark/>
          </w:tcPr>
          <w:p w14:paraId="678D2EFC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E50643F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8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center"/>
            <w:hideMark/>
          </w:tcPr>
          <w:p w14:paraId="5D229189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2362E02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438FB228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7AB2818B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2D20A99C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59177FBD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EE797C" w:rsidRPr="00EE797C" w14:paraId="0E89F1D7" w14:textId="77777777" w:rsidTr="00EE797C">
        <w:trPr>
          <w:trHeight w:val="915"/>
        </w:trPr>
        <w:tc>
          <w:tcPr>
            <w:tcW w:w="236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7422017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Sum of Longest Diameters - n, median (IQR)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ED5DB43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14 (14-14)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D496910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8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4506ED7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14 (14-14)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CB91AC0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64442020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24914684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744AF617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7ACFBCC6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EE797C" w:rsidRPr="00EE797C" w14:paraId="32F4EEBE" w14:textId="77777777" w:rsidTr="00EE797C">
        <w:trPr>
          <w:trHeight w:val="615"/>
        </w:trPr>
        <w:tc>
          <w:tcPr>
            <w:tcW w:w="236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D0F8CF6" w14:textId="77777777" w:rsidR="00EE797C" w:rsidRPr="00EE797C" w:rsidRDefault="00EE797C" w:rsidP="00EE797C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Minimum SLD - n, median (IQR)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89F9AA0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14 (14-14)</w:t>
            </w:r>
          </w:p>
        </w:tc>
        <w:tc>
          <w:tcPr>
            <w:tcW w:w="14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DFBBD1F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18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D9335AA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1, 14 (14-14)</w:t>
            </w:r>
          </w:p>
        </w:tc>
        <w:tc>
          <w:tcPr>
            <w:tcW w:w="114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37E87B6" w14:textId="77777777" w:rsidR="00EE797C" w:rsidRPr="00EE797C" w:rsidRDefault="00EE797C" w:rsidP="00EE797C">
            <w:pPr>
              <w:rPr>
                <w:rFonts w:eastAsia="Times New Roman"/>
                <w:sz w:val="18"/>
                <w:szCs w:val="18"/>
              </w:rPr>
            </w:pPr>
            <w:r w:rsidRPr="00EE797C">
              <w:rPr>
                <w:rFonts w:eastAsia="Times New Roman"/>
                <w:sz w:val="18"/>
                <w:szCs w:val="18"/>
              </w:rPr>
              <w:t>0</w:t>
            </w:r>
            <w:proofErr w:type="gramStart"/>
            <w:r w:rsidRPr="00EE797C">
              <w:rPr>
                <w:rFonts w:eastAsia="Times New Roman"/>
                <w:sz w:val="18"/>
                <w:szCs w:val="18"/>
              </w:rPr>
              <w:t>, .</w:t>
            </w:r>
            <w:proofErr w:type="gramEnd"/>
            <w:r w:rsidRPr="00EE797C">
              <w:rPr>
                <w:rFonts w:eastAsia="Times New Roman"/>
                <w:sz w:val="18"/>
                <w:szCs w:val="18"/>
              </w:rPr>
              <w:t xml:space="preserve"> (.-.)</w:t>
            </w:r>
          </w:p>
        </w:tc>
        <w:tc>
          <w:tcPr>
            <w:tcW w:w="128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18291980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7BC408CE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14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2A92C7B7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42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5C047B24" w14:textId="77777777" w:rsidR="00EE797C" w:rsidRPr="00EE797C" w:rsidRDefault="00EE797C" w:rsidP="00EE797C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EE797C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</w:tbl>
    <w:p w14:paraId="0508A773" w14:textId="77777777" w:rsidR="000A3809" w:rsidRDefault="000A3809">
      <w:r>
        <w:br w:type="page"/>
      </w:r>
    </w:p>
    <w:p w14:paraId="667A6345" w14:textId="003F4A60" w:rsidR="00EE671A" w:rsidRDefault="00EE671A" w:rsidP="00EC5B6A">
      <w:pPr>
        <w:rPr>
          <w:lang w:eastAsia="en-US"/>
        </w:rPr>
      </w:pPr>
    </w:p>
    <w:p w14:paraId="01E929CF" w14:textId="011DF497" w:rsidR="00EE671A" w:rsidRDefault="00EE671A" w:rsidP="00EE671A">
      <w:pPr>
        <w:pStyle w:val="Caption"/>
        <w:keepNext/>
      </w:pPr>
      <w:r>
        <w:t xml:space="preserve">Table </w:t>
      </w:r>
      <w:r>
        <w:fldChar w:fldCharType="begin"/>
      </w:r>
      <w:r>
        <w:instrText xml:space="preserve"> SEQ Table \* ARABIC </w:instrText>
      </w:r>
      <w:r>
        <w:fldChar w:fldCharType="separate"/>
      </w:r>
      <w:r w:rsidR="00970777">
        <w:rPr>
          <w:noProof/>
        </w:rPr>
        <w:t>12</w:t>
      </w:r>
      <w:r>
        <w:fldChar w:fldCharType="end"/>
      </w:r>
      <w:r>
        <w:t>: Objective Response</w:t>
      </w:r>
    </w:p>
    <w:tbl>
      <w:tblPr>
        <w:tblW w:w="11660" w:type="dxa"/>
        <w:tblLook w:val="04A0" w:firstRow="1" w:lastRow="0" w:firstColumn="1" w:lastColumn="0" w:noHBand="0" w:noVBand="1"/>
      </w:tblPr>
      <w:tblGrid>
        <w:gridCol w:w="2583"/>
        <w:gridCol w:w="903"/>
        <w:gridCol w:w="902"/>
        <w:gridCol w:w="902"/>
        <w:gridCol w:w="902"/>
        <w:gridCol w:w="902"/>
        <w:gridCol w:w="901"/>
        <w:gridCol w:w="902"/>
        <w:gridCol w:w="901"/>
        <w:gridCol w:w="902"/>
        <w:gridCol w:w="960"/>
      </w:tblGrid>
      <w:tr w:rsidR="003D59E8" w:rsidRPr="003D59E8" w14:paraId="0CC8D3AB" w14:textId="77777777" w:rsidTr="003D59E8">
        <w:trPr>
          <w:trHeight w:val="300"/>
        </w:trPr>
        <w:tc>
          <w:tcPr>
            <w:tcW w:w="2583" w:type="dxa"/>
            <w:vMerge w:val="restart"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F48ECAF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Table </w:t>
            </w:r>
            <w:proofErr w:type="gramStart"/>
            <w:r w:rsidRPr="003D59E8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12 :</w:t>
            </w:r>
            <w:proofErr w:type="gramEnd"/>
            <w:r w:rsidRPr="003D59E8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 Objective Response</w:t>
            </w:r>
          </w:p>
        </w:tc>
        <w:tc>
          <w:tcPr>
            <w:tcW w:w="903" w:type="dxa"/>
            <w:vMerge w:val="restart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BACC4C5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Overall at end of Cycle 2</w:t>
            </w:r>
          </w:p>
        </w:tc>
        <w:tc>
          <w:tcPr>
            <w:tcW w:w="1804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5E05B98B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2</w:t>
            </w:r>
          </w:p>
        </w:tc>
        <w:tc>
          <w:tcPr>
            <w:tcW w:w="1804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1CABECA1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4</w:t>
            </w:r>
          </w:p>
        </w:tc>
        <w:tc>
          <w:tcPr>
            <w:tcW w:w="1803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0AA19BE2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6</w:t>
            </w:r>
          </w:p>
        </w:tc>
        <w:tc>
          <w:tcPr>
            <w:tcW w:w="1803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74E5D3D6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8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2FFCB56D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1D4AEFB3" w14:textId="77777777" w:rsidTr="003D59E8">
        <w:trPr>
          <w:trHeight w:val="300"/>
        </w:trPr>
        <w:tc>
          <w:tcPr>
            <w:tcW w:w="2583" w:type="dxa"/>
            <w:vMerge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0F6CFC06" w14:textId="77777777" w:rsidR="003D59E8" w:rsidRPr="003D59E8" w:rsidRDefault="003D59E8" w:rsidP="003D59E8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903" w:type="dxa"/>
            <w:vMerge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vAlign w:val="center"/>
            <w:hideMark/>
          </w:tcPr>
          <w:p w14:paraId="630D2ECB" w14:textId="77777777" w:rsidR="003D59E8" w:rsidRPr="003D59E8" w:rsidRDefault="003D59E8" w:rsidP="003D59E8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C91FEE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DDA9C71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B0709F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9DD47DF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91B141E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EDFC87F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1B84E2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CC59649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2323539A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5402863A" w14:textId="77777777" w:rsidTr="003D59E8">
        <w:trPr>
          <w:trHeight w:val="315"/>
        </w:trPr>
        <w:tc>
          <w:tcPr>
            <w:tcW w:w="2583" w:type="dxa"/>
            <w:vMerge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5EDA54B5" w14:textId="77777777" w:rsidR="003D59E8" w:rsidRPr="003D59E8" w:rsidRDefault="003D59E8" w:rsidP="003D59E8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90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8F083CF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64</w:t>
            </w:r>
          </w:p>
        </w:tc>
        <w:tc>
          <w:tcPr>
            <w:tcW w:w="902" w:type="dxa"/>
            <w:tcBorders>
              <w:top w:val="nil"/>
              <w:left w:val="single" w:sz="8" w:space="0" w:color="auto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DFD9728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9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49CB638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35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B075045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9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29F3D4E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3</w:t>
            </w:r>
          </w:p>
        </w:tc>
        <w:tc>
          <w:tcPr>
            <w:tcW w:w="90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1FFDC29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2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FADF06E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3</w:t>
            </w:r>
          </w:p>
        </w:tc>
        <w:tc>
          <w:tcPr>
            <w:tcW w:w="90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EED7624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6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6DA162D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6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679180AE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0FDEAFCC" w14:textId="77777777" w:rsidTr="003D59E8">
        <w:trPr>
          <w:trHeight w:val="315"/>
        </w:trPr>
        <w:tc>
          <w:tcPr>
            <w:tcW w:w="2583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FE431F0" w14:textId="77777777" w:rsidR="003D59E8" w:rsidRPr="003D59E8" w:rsidRDefault="003D59E8" w:rsidP="003D59E8">
            <w:pPr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RECIST assessment not done</w:t>
            </w:r>
          </w:p>
        </w:tc>
        <w:tc>
          <w:tcPr>
            <w:tcW w:w="90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05CC05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1.6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14BC90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3.4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36D1D3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C07905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93A2C8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7CA403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8.3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50E07F3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653AED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2 (33.3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3669B4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72610A8D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5BE9FA9B" w14:textId="77777777" w:rsidTr="003D59E8">
        <w:trPr>
          <w:trHeight w:val="6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D0AE03A" w14:textId="77777777" w:rsidR="003D59E8" w:rsidRPr="003D59E8" w:rsidRDefault="003D59E8" w:rsidP="003D59E8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Response of target lesions - N (%)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548F6F9" w14:textId="77777777" w:rsidR="003D59E8" w:rsidRPr="003D59E8" w:rsidRDefault="003D59E8" w:rsidP="003D59E8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902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37897E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CA29B3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294AF3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C2D081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9B726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481C258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09A8B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A9B8E1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4CA7C97F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5B2C6747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A3FF49C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Complete respons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297D88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)</w:t>
            </w:r>
          </w:p>
        </w:tc>
        <w:tc>
          <w:tcPr>
            <w:tcW w:w="902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5A239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B14E17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1ADBF0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5.3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0745F20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723FC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90526A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A9D160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ED24CD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34DB4680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1FAAF3D2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182F345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Partial respons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7BB8E2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2 (3.1)</w:t>
            </w:r>
          </w:p>
        </w:tc>
        <w:tc>
          <w:tcPr>
            <w:tcW w:w="902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498A8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D54D38E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2 (5.7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44DF5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F3967B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3 (13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4BF600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8.3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5292BC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81399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38B874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3AD1DA28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7016A214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C58771B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Stable diseas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8DE535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43 (67.2)</w:t>
            </w:r>
          </w:p>
        </w:tc>
        <w:tc>
          <w:tcPr>
            <w:tcW w:w="902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315A6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20 (69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466C530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23 (65.7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A7A81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4 (73.7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BE94D0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4 (60.9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3D0658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6 (5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029410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8 (61.5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B061F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2 (33.3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EAB11F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2 (33.3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73DC9395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6F61A913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F54C949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Progressive diseas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2BABE4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4 (21.9)</w:t>
            </w:r>
          </w:p>
        </w:tc>
        <w:tc>
          <w:tcPr>
            <w:tcW w:w="902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226B9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6 (20.7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085F90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8 (22.9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AFBA2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3 (15.8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685CCA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4 (17.4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609E69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3 (25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4DFC4E3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4 (30.8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90FB6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2 (33.3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008739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4 (66.7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4F46EF93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5C70DC35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0A03378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Not evaluabl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CE335E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1.6)</w:t>
            </w:r>
          </w:p>
        </w:tc>
        <w:tc>
          <w:tcPr>
            <w:tcW w:w="902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986278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3.4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806773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18B98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E9302A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D9B5D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3226FB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23D10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8172A2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5BB8D283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1A0B1240" w14:textId="77777777" w:rsidTr="003D59E8">
        <w:trPr>
          <w:trHeight w:val="615"/>
        </w:trPr>
        <w:tc>
          <w:tcPr>
            <w:tcW w:w="2583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0BCB751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No target lesions at baseline</w:t>
            </w:r>
          </w:p>
        </w:tc>
        <w:tc>
          <w:tcPr>
            <w:tcW w:w="90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center"/>
            <w:hideMark/>
          </w:tcPr>
          <w:p w14:paraId="12D1850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3 (4.7)</w:t>
            </w:r>
          </w:p>
        </w:tc>
        <w:tc>
          <w:tcPr>
            <w:tcW w:w="902" w:type="dxa"/>
            <w:tcBorders>
              <w:top w:val="nil"/>
              <w:left w:val="single" w:sz="8" w:space="0" w:color="auto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AE84478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3.4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B975F8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2 (5.7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939614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5.3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9562F2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2 (8.7)</w:t>
            </w:r>
          </w:p>
        </w:tc>
        <w:tc>
          <w:tcPr>
            <w:tcW w:w="90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A5B816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8.3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380E40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7.7)</w:t>
            </w:r>
          </w:p>
        </w:tc>
        <w:tc>
          <w:tcPr>
            <w:tcW w:w="90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2B99C10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5A50DB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280D1C80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3B945F3B" w14:textId="77777777" w:rsidTr="003D59E8">
        <w:trPr>
          <w:trHeight w:val="9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5C7DA1F" w14:textId="77777777" w:rsidR="003D59E8" w:rsidRPr="003D59E8" w:rsidRDefault="003D59E8" w:rsidP="003D59E8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Response of non-target lesions - N (%)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F07ABEE" w14:textId="77777777" w:rsidR="003D59E8" w:rsidRPr="003D59E8" w:rsidRDefault="003D59E8" w:rsidP="003D59E8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902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5BAD0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C0A41D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8C631E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4C34E8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A8D96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FA9130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4B6F0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CEFFD18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2DCD647A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3A261DFC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6163C24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Complete respons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E0E058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3 (4.7)</w:t>
            </w:r>
          </w:p>
        </w:tc>
        <w:tc>
          <w:tcPr>
            <w:tcW w:w="902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F6B45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571D64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3 (10.3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357B9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DD332F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5.3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57D34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651FE1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8CF54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4AB28A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16.7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45431915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125DAFE4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35920D7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Non-CR/Non-PD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D4DBF3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31 (48.4)</w:t>
            </w:r>
          </w:p>
        </w:tc>
        <w:tc>
          <w:tcPr>
            <w:tcW w:w="902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AD2BB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6 (55.2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072249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5 (51.7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5F3191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0 (52.6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A16457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0 (52.6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373FCC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2 (16.7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3B49B7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8 (66.7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BCB07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2 (33.3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BC9D03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16.7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4844CC48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6C7AEA79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F31671D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Progressive diseas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54DA09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9 (14.1)</w:t>
            </w:r>
          </w:p>
        </w:tc>
        <w:tc>
          <w:tcPr>
            <w:tcW w:w="902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16D7F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3 (10.3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D68C68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6 (20.7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95C73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2 (10.5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80796F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5 (26.3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63663D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4 (33.3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FA1AD43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2 (16.7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80C1F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E9E571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3 (5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5B8084FE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02781E1F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2821ADE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lastRenderedPageBreak/>
              <w:t>Not evaluabl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44D9AAE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3 (4.7)</w:t>
            </w:r>
          </w:p>
        </w:tc>
        <w:tc>
          <w:tcPr>
            <w:tcW w:w="902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33CB7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2 (6.9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E12892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3.4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24519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5.3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45C085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5.3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B7F72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8.3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192349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F95EE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9B98A5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6DFC488C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334FE709" w14:textId="77777777" w:rsidTr="003D59E8">
        <w:trPr>
          <w:trHeight w:val="6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5283718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No non-target lesions at baselin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2D67788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7 (26.6)</w:t>
            </w:r>
          </w:p>
        </w:tc>
        <w:tc>
          <w:tcPr>
            <w:tcW w:w="902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B43E6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7 (24.1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5CBA0E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0 (34.5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E8D5C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6 (31.6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25ED41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6 (31.6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FA6BA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4 (33.3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4012A48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3 (25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BFEE9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16.7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D316E6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16.7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3C661567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3CF01BA2" w14:textId="77777777" w:rsidTr="003D59E8">
        <w:trPr>
          <w:trHeight w:val="315"/>
        </w:trPr>
        <w:tc>
          <w:tcPr>
            <w:tcW w:w="2583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B5F1D36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90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center"/>
            <w:hideMark/>
          </w:tcPr>
          <w:p w14:paraId="2AF06B6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single" w:sz="8" w:space="0" w:color="auto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454E62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80EEFB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00F0F2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CC4420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026B720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84C2E9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DA58E7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16.7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35712B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6E75EC1E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1A16837A" w14:textId="77777777" w:rsidTr="003D59E8">
        <w:trPr>
          <w:trHeight w:val="6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260DC82" w14:textId="77777777" w:rsidR="003D59E8" w:rsidRPr="003D59E8" w:rsidRDefault="003D59E8" w:rsidP="003D59E8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Overall response - N (%)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8F84C15" w14:textId="77777777" w:rsidR="003D59E8" w:rsidRPr="003D59E8" w:rsidRDefault="003D59E8" w:rsidP="003D59E8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902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88B87D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BE6FE2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B0D6B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62AEFD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3F18FE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7AE899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E20E7E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452FC78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5EAC7BCE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727B8563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CBE998A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Complete respons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715222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0CBA53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F8DABD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05F27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4333173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AFCAC1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A61F73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56008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D5F051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21526F10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583ED08D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7B9193C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Partial respons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309C66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1.6)</w:t>
            </w:r>
          </w:p>
        </w:tc>
        <w:tc>
          <w:tcPr>
            <w:tcW w:w="902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0DFCD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8A9BB9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3.4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8F6B60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5.3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31706B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2 (10.5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6A315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8.3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5F4995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AAC523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959D48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063C741B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43564EBE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CD39985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Stable diseas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CB57D8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42 (65.6)</w:t>
            </w:r>
          </w:p>
        </w:tc>
        <w:tc>
          <w:tcPr>
            <w:tcW w:w="902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9D616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20 (69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5AEC9E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22 (75.9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850ED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5 (78.9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49833F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2 (63.2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0E51FE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3 (25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66C26D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7 (58.3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1B987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2 (33.3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3B5FA0E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16.7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0746D497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29F81DE2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117971A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Progressive diseas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10CB69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9 (29.7)</w:t>
            </w:r>
          </w:p>
        </w:tc>
        <w:tc>
          <w:tcPr>
            <w:tcW w:w="902" w:type="dxa"/>
            <w:tcBorders>
              <w:top w:val="nil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C6434E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7 (24.1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410EFD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2 (41.4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CEB3A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3 (15.8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CCFA4C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9 (47.4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F1313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7 (58.3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3FA23C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5 (41.7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3AB153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2 (33.3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CB1B41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5 (83.3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1855ADC5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70C1BDAE" w14:textId="77777777" w:rsidTr="003D59E8">
        <w:trPr>
          <w:trHeight w:val="315"/>
        </w:trPr>
        <w:tc>
          <w:tcPr>
            <w:tcW w:w="2583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E9F2D3C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Not evaluable</w:t>
            </w:r>
          </w:p>
        </w:tc>
        <w:tc>
          <w:tcPr>
            <w:tcW w:w="90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vAlign w:val="center"/>
            <w:hideMark/>
          </w:tcPr>
          <w:p w14:paraId="2B97313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1.6)</w:t>
            </w:r>
          </w:p>
        </w:tc>
        <w:tc>
          <w:tcPr>
            <w:tcW w:w="902" w:type="dxa"/>
            <w:tcBorders>
              <w:top w:val="nil"/>
              <w:left w:val="single" w:sz="8" w:space="0" w:color="auto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248ADD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3.4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94262F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2DC0868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E3B53B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507C728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670398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8.3)</w:t>
            </w:r>
          </w:p>
        </w:tc>
        <w:tc>
          <w:tcPr>
            <w:tcW w:w="901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A5C9EF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E4BC4F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2BD04A5E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43E7C184" w14:textId="77777777" w:rsidTr="003D59E8">
        <w:trPr>
          <w:trHeight w:val="315"/>
        </w:trPr>
        <w:tc>
          <w:tcPr>
            <w:tcW w:w="2583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5396ABA1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56431D39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67C4F676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0A2FF625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6D02A4C8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19788777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3FF1AEFB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35D2A95A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6DB7B730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3BFB8FF1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000000" w:fill="FFFFFF"/>
            <w:noWrap/>
            <w:vAlign w:val="center"/>
            <w:hideMark/>
          </w:tcPr>
          <w:p w14:paraId="3CCDF2C8" w14:textId="77777777" w:rsidR="003D59E8" w:rsidRPr="003D59E8" w:rsidRDefault="003D59E8" w:rsidP="003D59E8">
            <w:pPr>
              <w:rPr>
                <w:rFonts w:eastAsia="Times New Roman"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color w:val="000000"/>
                <w:sz w:val="22"/>
                <w:szCs w:val="22"/>
              </w:rPr>
              <w:t> </w:t>
            </w:r>
          </w:p>
        </w:tc>
      </w:tr>
      <w:tr w:rsidR="003D59E8" w:rsidRPr="003D59E8" w14:paraId="2AB816AC" w14:textId="77777777" w:rsidTr="003D59E8">
        <w:trPr>
          <w:trHeight w:val="300"/>
        </w:trPr>
        <w:tc>
          <w:tcPr>
            <w:tcW w:w="2583" w:type="dxa"/>
            <w:vMerge w:val="restart"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CF7BD25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 </w:t>
            </w:r>
          </w:p>
        </w:tc>
        <w:tc>
          <w:tcPr>
            <w:tcW w:w="1805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37200644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0</w:t>
            </w:r>
          </w:p>
        </w:tc>
        <w:tc>
          <w:tcPr>
            <w:tcW w:w="1804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629D1FAA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2</w:t>
            </w:r>
          </w:p>
        </w:tc>
        <w:tc>
          <w:tcPr>
            <w:tcW w:w="1803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40D4A91B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4</w:t>
            </w:r>
          </w:p>
        </w:tc>
        <w:tc>
          <w:tcPr>
            <w:tcW w:w="1803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39683D50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6</w:t>
            </w:r>
          </w:p>
        </w:tc>
        <w:tc>
          <w:tcPr>
            <w:tcW w:w="1862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6F04EAFE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ycle 18</w:t>
            </w:r>
          </w:p>
        </w:tc>
      </w:tr>
      <w:tr w:rsidR="003D59E8" w:rsidRPr="003D59E8" w14:paraId="18D8A42F" w14:textId="77777777" w:rsidTr="003D59E8">
        <w:trPr>
          <w:trHeight w:val="300"/>
        </w:trPr>
        <w:tc>
          <w:tcPr>
            <w:tcW w:w="2583" w:type="dxa"/>
            <w:vMerge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734A9CD2" w14:textId="77777777" w:rsidR="003D59E8" w:rsidRPr="003D59E8" w:rsidRDefault="003D59E8" w:rsidP="003D59E8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6F2A6A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3BADD62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CBA6E9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9CEF5DC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BAE21F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381B100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704304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AC7A727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644D92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B00CD80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</w:tr>
      <w:tr w:rsidR="003D59E8" w:rsidRPr="003D59E8" w14:paraId="05155B1B" w14:textId="77777777" w:rsidTr="003D59E8">
        <w:trPr>
          <w:trHeight w:val="315"/>
        </w:trPr>
        <w:tc>
          <w:tcPr>
            <w:tcW w:w="2583" w:type="dxa"/>
            <w:vMerge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4A1F5C24" w14:textId="77777777" w:rsidR="003D59E8" w:rsidRPr="003D59E8" w:rsidRDefault="003D59E8" w:rsidP="003D59E8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90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01EAC58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3C66896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DA71A50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2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EA91E0A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8F26191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901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595BBCA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C51EC20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901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DDC8D38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1229874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73F5E66" w14:textId="77777777" w:rsidR="003D59E8" w:rsidRPr="003D59E8" w:rsidRDefault="003D59E8" w:rsidP="003D59E8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0</w:t>
            </w:r>
          </w:p>
        </w:tc>
      </w:tr>
      <w:tr w:rsidR="003D59E8" w:rsidRPr="003D59E8" w14:paraId="5AE85C43" w14:textId="77777777" w:rsidTr="003D59E8">
        <w:trPr>
          <w:trHeight w:val="315"/>
        </w:trPr>
        <w:tc>
          <w:tcPr>
            <w:tcW w:w="2583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F54CB70" w14:textId="77777777" w:rsidR="003D59E8" w:rsidRPr="003D59E8" w:rsidRDefault="003D59E8" w:rsidP="003D59E8">
            <w:pPr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RECIST assessment not done</w:t>
            </w:r>
          </w:p>
        </w:tc>
        <w:tc>
          <w:tcPr>
            <w:tcW w:w="90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30D5D1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2B9B15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8D56353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D501F4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5CCB32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9016FCE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72AF1C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5892A4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A27528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19637D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3D59E8" w:rsidRPr="003D59E8" w14:paraId="1E00D254" w14:textId="77777777" w:rsidTr="003D59E8">
        <w:trPr>
          <w:trHeight w:val="6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F28628A" w14:textId="77777777" w:rsidR="003D59E8" w:rsidRPr="003D59E8" w:rsidRDefault="003D59E8" w:rsidP="003D59E8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Response of target lesions - N (%)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B5906B2" w14:textId="77777777" w:rsidR="003D59E8" w:rsidRPr="003D59E8" w:rsidRDefault="003D59E8" w:rsidP="003D59E8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162CE3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8D7E53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D34236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3ED37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942C2F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3F201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DBE73A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66FBE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FDB600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3D59E8" w:rsidRPr="003D59E8" w14:paraId="68BAD3A1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091A0E2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Complete respons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D5B2B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A356A7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437270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C8A068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297310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F2FF69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14E20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22F8C6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29C97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F22E513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3D59E8" w:rsidRPr="003D59E8" w14:paraId="40948FC9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255BD80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Partial respons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53B490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C42C2B8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34CE7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CE2230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664498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062438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4C5506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0A99E3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284D7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32FEC9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3D59E8" w:rsidRPr="003D59E8" w14:paraId="3DAF009B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E5CE292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Stable diseas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6CB8A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1F3DE2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9EDDD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5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0B0EF6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DDE12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1140DC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617F5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C5FADC3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99D44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1726C3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3D59E8" w:rsidRPr="003D59E8" w14:paraId="47319587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DB706BB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Progressive diseas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8A3EA0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F91625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771BFE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5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F79BE6E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C8B760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D3BABE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3DBF9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CEAD5A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130F1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E3660E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3D59E8" w:rsidRPr="003D59E8" w14:paraId="2E3C5710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4423AAD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Not evaluabl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D1E880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ED12E53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EAE5F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38611D3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66893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DABF53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8EA920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9F0CA9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99F27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DF72B1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3D59E8" w:rsidRPr="003D59E8" w14:paraId="5C6632C2" w14:textId="77777777" w:rsidTr="003D59E8">
        <w:trPr>
          <w:trHeight w:val="615"/>
        </w:trPr>
        <w:tc>
          <w:tcPr>
            <w:tcW w:w="2583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BE4CE83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lastRenderedPageBreak/>
              <w:t>No target lesions at baseline</w:t>
            </w:r>
          </w:p>
        </w:tc>
        <w:tc>
          <w:tcPr>
            <w:tcW w:w="90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3D35F4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EFB82B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1D2381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8BE982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2DF18A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3C1C9B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C650FE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C21071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A1A9B5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9C6D85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.)</w:t>
            </w:r>
          </w:p>
        </w:tc>
      </w:tr>
      <w:tr w:rsidR="003D59E8" w:rsidRPr="003D59E8" w14:paraId="6A601AAC" w14:textId="77777777" w:rsidTr="003D59E8">
        <w:trPr>
          <w:trHeight w:val="9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7B61C4F" w14:textId="77777777" w:rsidR="003D59E8" w:rsidRPr="003D59E8" w:rsidRDefault="003D59E8" w:rsidP="003D59E8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Response of non-target lesions - N (%)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068E8C1" w14:textId="77777777" w:rsidR="003D59E8" w:rsidRPr="003D59E8" w:rsidRDefault="003D59E8" w:rsidP="003D59E8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3B5F6B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C7036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BDA79B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7CE9AE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E1D7D8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C6531D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1357C0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E4664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435433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3D59E8" w:rsidRPr="003D59E8" w14:paraId="191C5124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3EC3133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Complete respons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28168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7F5A1FE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5482C3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629457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5B8D4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B4881F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AF9788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655275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D2A31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AC6D66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3D59E8" w:rsidRPr="003D59E8" w14:paraId="15ECBD07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E618121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Non-CR/Non-PD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A3D1E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5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0B7D7E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5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E22B48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5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AA340C0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F7D1B0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5343D8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28DAC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A5CE3D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9EBFF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D3784C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3D59E8" w:rsidRPr="003D59E8" w14:paraId="590EC400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61C7203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Progressive diseas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4EA6F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06855A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ABC91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24EE30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67813E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8D6064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5BCD5E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86794AE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BF97C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92F5CF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3D59E8" w:rsidRPr="003D59E8" w14:paraId="58D877D4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6822465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Not evaluabl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BAFBD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55CA6C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76C5D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D90564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4B53E3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5DE00C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D1DAC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DC27BA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90F79F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1C68B3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3D59E8" w:rsidRPr="003D59E8" w14:paraId="6ACB920B" w14:textId="77777777" w:rsidTr="003D59E8">
        <w:trPr>
          <w:trHeight w:val="6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379E399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No non-target lesions at baselin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61D276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5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77E0E9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A034F5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5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C06855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135DC7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A5822E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4048BE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73383C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53529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D936663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3D59E8" w:rsidRPr="003D59E8" w14:paraId="11B4E156" w14:textId="77777777" w:rsidTr="003D59E8">
        <w:trPr>
          <w:trHeight w:val="315"/>
        </w:trPr>
        <w:tc>
          <w:tcPr>
            <w:tcW w:w="2583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EAEA509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Missing</w:t>
            </w:r>
          </w:p>
        </w:tc>
        <w:tc>
          <w:tcPr>
            <w:tcW w:w="90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CFE199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B29A9F3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869AA2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8B1F3C3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DE145E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6435C0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12E395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55B367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7456E5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DA6C3D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3D59E8" w:rsidRPr="003D59E8" w14:paraId="333782E4" w14:textId="77777777" w:rsidTr="003D59E8">
        <w:trPr>
          <w:trHeight w:val="6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33550DE" w14:textId="77777777" w:rsidR="003D59E8" w:rsidRPr="003D59E8" w:rsidRDefault="003D59E8" w:rsidP="003D59E8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3D59E8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Overall response - N (%)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F6C506F" w14:textId="77777777" w:rsidR="003D59E8" w:rsidRPr="003D59E8" w:rsidRDefault="003D59E8" w:rsidP="003D59E8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956687F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F3B67E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AACB7E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17A7E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9912F5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D2286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6658ED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251B7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79B1313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3D59E8" w:rsidRPr="003D59E8" w14:paraId="16B99F29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3A52723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Complete respons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DB606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80E1E7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0B3AD4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80B1B9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2E3C6E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1D13A3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B39D10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F9D282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19787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B2F7573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3D59E8" w:rsidRPr="003D59E8" w14:paraId="6186D15C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A1BAE66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Partial respons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FE7C5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7F4BDB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31E0FF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3570FF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0CF230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1B40BC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33CFB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5B583B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89FBC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B8D29B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3D59E8" w:rsidRPr="003D59E8" w14:paraId="49C25215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C1A9BE1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Stable diseas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DAB7F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2 (10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8D0658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D3F45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5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7517098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59398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C00E6B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A062F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9022939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F45B1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10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356F358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3D59E8" w:rsidRPr="003D59E8" w14:paraId="3D7F0564" w14:textId="77777777" w:rsidTr="003D59E8">
        <w:trPr>
          <w:trHeight w:val="300"/>
        </w:trPr>
        <w:tc>
          <w:tcPr>
            <w:tcW w:w="2583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ED3C4AC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Progressive disease</w:t>
            </w:r>
          </w:p>
        </w:tc>
        <w:tc>
          <w:tcPr>
            <w:tcW w:w="9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2CDA8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CC8DB18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5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089DDF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1 (5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4153A0E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60DF1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85B2B14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90812D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EB845D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5BD5D8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42794AA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3D59E8" w:rsidRPr="003D59E8" w14:paraId="1CA0BA5A" w14:textId="77777777" w:rsidTr="003D59E8">
        <w:trPr>
          <w:trHeight w:val="315"/>
        </w:trPr>
        <w:tc>
          <w:tcPr>
            <w:tcW w:w="2583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CFE99AE" w14:textId="77777777" w:rsidR="003D59E8" w:rsidRPr="003D59E8" w:rsidRDefault="003D59E8" w:rsidP="003D59E8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3D59E8">
              <w:rPr>
                <w:rFonts w:eastAsia="Times New Roman"/>
                <w:sz w:val="22"/>
                <w:szCs w:val="22"/>
              </w:rPr>
              <w:t>Not evaluable</w:t>
            </w:r>
          </w:p>
        </w:tc>
        <w:tc>
          <w:tcPr>
            <w:tcW w:w="903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E5A859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1C3185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488B2F1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B45A762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A3340A7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B442FA5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71E492C6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1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8DF9ADB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544B72C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833F73E" w14:textId="77777777" w:rsidR="003D59E8" w:rsidRPr="003D59E8" w:rsidRDefault="003D59E8" w:rsidP="003D59E8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D59E8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</w:tbl>
    <w:p w14:paraId="753CEF6A" w14:textId="3DB9ACF0" w:rsidR="003D59E8" w:rsidRDefault="003D59E8" w:rsidP="003D59E8">
      <w:pPr>
        <w:rPr>
          <w:lang w:eastAsia="en-US"/>
        </w:rPr>
      </w:pPr>
    </w:p>
    <w:p w14:paraId="172C4E87" w14:textId="77777777" w:rsidR="003D59E8" w:rsidRPr="00311D97" w:rsidRDefault="003D59E8" w:rsidP="00DB7731"/>
    <w:p w14:paraId="17150577" w14:textId="16056000" w:rsidR="00EE671A" w:rsidRDefault="00EE671A" w:rsidP="00EC5B6A">
      <w:pPr>
        <w:rPr>
          <w:lang w:eastAsia="en-US"/>
        </w:rPr>
      </w:pPr>
    </w:p>
    <w:p w14:paraId="2BC26186" w14:textId="77777777" w:rsidR="00843FE3" w:rsidRDefault="00843FE3" w:rsidP="00EC5B6A">
      <w:pPr>
        <w:rPr>
          <w:lang w:eastAsia="en-US"/>
        </w:rPr>
        <w:sectPr w:rsidR="00843FE3" w:rsidSect="00464D2C">
          <w:pgSz w:w="16838" w:h="11906" w:orient="landscape"/>
          <w:pgMar w:top="1440" w:right="1440" w:bottom="1440" w:left="1440" w:header="708" w:footer="708" w:gutter="0"/>
          <w:cols w:space="708"/>
          <w:docGrid w:linePitch="360"/>
        </w:sectPr>
      </w:pPr>
    </w:p>
    <w:p w14:paraId="4BAA0579" w14:textId="09969F1F" w:rsidR="008A0D3F" w:rsidRDefault="008A0D3F" w:rsidP="008A0D3F">
      <w:pPr>
        <w:pStyle w:val="Caption"/>
        <w:keepNext/>
      </w:pPr>
      <w:r>
        <w:lastRenderedPageBreak/>
        <w:t xml:space="preserve">Table </w:t>
      </w:r>
      <w:r>
        <w:fldChar w:fldCharType="begin"/>
      </w:r>
      <w:r>
        <w:instrText xml:space="preserve"> SEQ Table \* ARABIC </w:instrText>
      </w:r>
      <w:r>
        <w:fldChar w:fldCharType="separate"/>
      </w:r>
      <w:r w:rsidR="00970777">
        <w:rPr>
          <w:noProof/>
        </w:rPr>
        <w:t>13</w:t>
      </w:r>
      <w:r>
        <w:fldChar w:fldCharType="end"/>
      </w:r>
      <w:r>
        <w:t>: Progression-free and overall survival</w:t>
      </w:r>
    </w:p>
    <w:tbl>
      <w:tblPr>
        <w:tblW w:w="8440" w:type="dxa"/>
        <w:tblLook w:val="04A0" w:firstRow="1" w:lastRow="0" w:firstColumn="1" w:lastColumn="0" w:noHBand="0" w:noVBand="1"/>
      </w:tblPr>
      <w:tblGrid>
        <w:gridCol w:w="2400"/>
        <w:gridCol w:w="1520"/>
        <w:gridCol w:w="1520"/>
        <w:gridCol w:w="1520"/>
        <w:gridCol w:w="1480"/>
      </w:tblGrid>
      <w:tr w:rsidR="0031686C" w:rsidRPr="0031686C" w14:paraId="75F78B47" w14:textId="77777777" w:rsidTr="0031686C">
        <w:trPr>
          <w:trHeight w:val="480"/>
        </w:trPr>
        <w:tc>
          <w:tcPr>
            <w:tcW w:w="2400" w:type="dxa"/>
            <w:vMerge w:val="restart"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A944E3C" w14:textId="77777777" w:rsidR="0031686C" w:rsidRPr="0031686C" w:rsidRDefault="0031686C" w:rsidP="0031686C">
            <w:pPr>
              <w:rPr>
                <w:rFonts w:eastAsia="Times New Roman"/>
                <w:b/>
                <w:bCs/>
                <w:sz w:val="22"/>
                <w:szCs w:val="22"/>
              </w:rPr>
            </w:pPr>
            <w:r w:rsidRPr="0031686C">
              <w:rPr>
                <w:rFonts w:eastAsia="Times New Roman"/>
                <w:b/>
                <w:bCs/>
                <w:sz w:val="22"/>
                <w:szCs w:val="22"/>
              </w:rPr>
              <w:t>Table 13: Progression free and overall survival</w:t>
            </w:r>
          </w:p>
        </w:tc>
        <w:tc>
          <w:tcPr>
            <w:tcW w:w="152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68A4684" w14:textId="77777777" w:rsidR="0031686C" w:rsidRPr="0031686C" w:rsidRDefault="0031686C" w:rsidP="0031686C">
            <w:pPr>
              <w:jc w:val="center"/>
              <w:rPr>
                <w:rFonts w:eastAsia="Times New Roman"/>
                <w:b/>
                <w:bCs/>
                <w:sz w:val="18"/>
                <w:szCs w:val="18"/>
              </w:rPr>
            </w:pPr>
            <w:r w:rsidRPr="0031686C">
              <w:rPr>
                <w:rFonts w:eastAsia="Times New Roman"/>
                <w:b/>
                <w:bCs/>
                <w:sz w:val="18"/>
                <w:szCs w:val="18"/>
              </w:rPr>
              <w:t>Olaparib</w:t>
            </w:r>
          </w:p>
        </w:tc>
        <w:tc>
          <w:tcPr>
            <w:tcW w:w="1520" w:type="dxa"/>
            <w:tcBorders>
              <w:top w:val="single" w:sz="8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1BFECF4" w14:textId="77777777" w:rsidR="0031686C" w:rsidRPr="0031686C" w:rsidRDefault="0031686C" w:rsidP="0031686C">
            <w:pPr>
              <w:jc w:val="center"/>
              <w:rPr>
                <w:rFonts w:eastAsia="Times New Roman"/>
                <w:b/>
                <w:bCs/>
                <w:sz w:val="18"/>
                <w:szCs w:val="18"/>
              </w:rPr>
            </w:pPr>
            <w:r w:rsidRPr="0031686C">
              <w:rPr>
                <w:rFonts w:eastAsia="Times New Roman"/>
                <w:b/>
                <w:bCs/>
                <w:sz w:val="18"/>
                <w:szCs w:val="18"/>
              </w:rPr>
              <w:t>Placebo</w:t>
            </w:r>
          </w:p>
        </w:tc>
        <w:tc>
          <w:tcPr>
            <w:tcW w:w="1520" w:type="dxa"/>
            <w:tcBorders>
              <w:top w:val="single" w:sz="8" w:space="0" w:color="auto"/>
              <w:left w:val="single" w:sz="8" w:space="0" w:color="auto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AF20C8E" w14:textId="77777777" w:rsidR="0031686C" w:rsidRPr="0031686C" w:rsidRDefault="0031686C" w:rsidP="0031686C">
            <w:pPr>
              <w:jc w:val="center"/>
              <w:rPr>
                <w:rFonts w:eastAsia="Times New Roman"/>
                <w:b/>
                <w:bCs/>
                <w:sz w:val="18"/>
                <w:szCs w:val="18"/>
              </w:rPr>
            </w:pPr>
            <w:r w:rsidRPr="0031686C">
              <w:rPr>
                <w:rFonts w:eastAsia="Times New Roman"/>
                <w:b/>
                <w:bCs/>
                <w:sz w:val="18"/>
                <w:szCs w:val="18"/>
              </w:rPr>
              <w:t>HR (80% for PFS; 95% CI for OS)</w:t>
            </w:r>
          </w:p>
        </w:tc>
        <w:tc>
          <w:tcPr>
            <w:tcW w:w="148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2D87B1A" w14:textId="77777777" w:rsidR="0031686C" w:rsidRPr="0031686C" w:rsidRDefault="0031686C" w:rsidP="0031686C">
            <w:pPr>
              <w:jc w:val="center"/>
              <w:rPr>
                <w:rFonts w:eastAsia="Times New Roman"/>
                <w:b/>
                <w:bCs/>
                <w:sz w:val="18"/>
                <w:szCs w:val="18"/>
              </w:rPr>
            </w:pPr>
            <w:r w:rsidRPr="0031686C">
              <w:rPr>
                <w:rFonts w:eastAsia="Times New Roman"/>
                <w:b/>
                <w:bCs/>
                <w:sz w:val="18"/>
                <w:szCs w:val="18"/>
              </w:rPr>
              <w:t>p-value</w:t>
            </w:r>
            <w:r w:rsidRPr="0031686C">
              <w:rPr>
                <w:rFonts w:eastAsia="Times New Roman"/>
                <w:b/>
                <w:bCs/>
                <w:sz w:val="18"/>
                <w:szCs w:val="18"/>
                <w:vertAlign w:val="superscript"/>
              </w:rPr>
              <w:t>1</w:t>
            </w:r>
          </w:p>
        </w:tc>
      </w:tr>
      <w:tr w:rsidR="0031686C" w:rsidRPr="0031686C" w14:paraId="5A50F654" w14:textId="77777777" w:rsidTr="0031686C">
        <w:trPr>
          <w:trHeight w:val="315"/>
        </w:trPr>
        <w:tc>
          <w:tcPr>
            <w:tcW w:w="2400" w:type="dxa"/>
            <w:vMerge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34A7264B" w14:textId="77777777" w:rsidR="0031686C" w:rsidRPr="0031686C" w:rsidRDefault="0031686C" w:rsidP="0031686C">
            <w:pPr>
              <w:rPr>
                <w:rFonts w:eastAsia="Times New Roman"/>
                <w:b/>
                <w:bCs/>
                <w:sz w:val="22"/>
                <w:szCs w:val="22"/>
              </w:rPr>
            </w:pP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B74DCB2" w14:textId="77777777" w:rsidR="0031686C" w:rsidRPr="0031686C" w:rsidRDefault="0031686C" w:rsidP="0031686C">
            <w:pPr>
              <w:jc w:val="center"/>
              <w:rPr>
                <w:rFonts w:eastAsia="Times New Roman"/>
                <w:b/>
                <w:bCs/>
                <w:sz w:val="18"/>
                <w:szCs w:val="18"/>
              </w:rPr>
            </w:pPr>
            <w:r w:rsidRPr="0031686C">
              <w:rPr>
                <w:rFonts w:eastAsia="Times New Roman"/>
                <w:b/>
                <w:bCs/>
                <w:sz w:val="18"/>
                <w:szCs w:val="18"/>
              </w:rPr>
              <w:t> </w:t>
            </w:r>
          </w:p>
        </w:tc>
        <w:tc>
          <w:tcPr>
            <w:tcW w:w="1520" w:type="dxa"/>
            <w:tcBorders>
              <w:top w:val="nil"/>
              <w:left w:val="single" w:sz="8" w:space="0" w:color="auto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D435D27" w14:textId="77777777" w:rsidR="0031686C" w:rsidRPr="0031686C" w:rsidRDefault="0031686C" w:rsidP="0031686C">
            <w:pPr>
              <w:jc w:val="center"/>
              <w:rPr>
                <w:rFonts w:eastAsia="Times New Roman"/>
                <w:b/>
                <w:bCs/>
                <w:sz w:val="18"/>
                <w:szCs w:val="18"/>
              </w:rPr>
            </w:pPr>
            <w:r w:rsidRPr="0031686C">
              <w:rPr>
                <w:rFonts w:eastAsia="Times New Roman"/>
                <w:b/>
                <w:bCs/>
                <w:sz w:val="18"/>
                <w:szCs w:val="18"/>
              </w:rPr>
              <w:t> </w:t>
            </w:r>
          </w:p>
        </w:tc>
        <w:tc>
          <w:tcPr>
            <w:tcW w:w="1520" w:type="dxa"/>
            <w:tcBorders>
              <w:top w:val="nil"/>
              <w:left w:val="single" w:sz="8" w:space="0" w:color="auto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C595565" w14:textId="77777777" w:rsidR="0031686C" w:rsidRPr="0031686C" w:rsidRDefault="0031686C" w:rsidP="0031686C">
            <w:pPr>
              <w:jc w:val="center"/>
              <w:rPr>
                <w:rFonts w:eastAsia="Times New Roman"/>
                <w:b/>
                <w:bCs/>
                <w:sz w:val="18"/>
                <w:szCs w:val="18"/>
              </w:rPr>
            </w:pPr>
            <w:r w:rsidRPr="0031686C">
              <w:rPr>
                <w:rFonts w:eastAsia="Times New Roman"/>
                <w:b/>
                <w:bCs/>
                <w:sz w:val="18"/>
                <w:szCs w:val="18"/>
              </w:rPr>
              <w:t> </w:t>
            </w:r>
          </w:p>
        </w:tc>
        <w:tc>
          <w:tcPr>
            <w:tcW w:w="148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A2DCE52" w14:textId="77777777" w:rsidR="0031686C" w:rsidRPr="0031686C" w:rsidRDefault="0031686C" w:rsidP="0031686C">
            <w:pPr>
              <w:jc w:val="center"/>
              <w:rPr>
                <w:rFonts w:eastAsia="Times New Roman"/>
                <w:b/>
                <w:bCs/>
                <w:sz w:val="18"/>
                <w:szCs w:val="18"/>
              </w:rPr>
            </w:pPr>
            <w:r w:rsidRPr="0031686C">
              <w:rPr>
                <w:rFonts w:eastAsia="Times New Roman"/>
                <w:b/>
                <w:bCs/>
                <w:sz w:val="18"/>
                <w:szCs w:val="18"/>
              </w:rPr>
              <w:t> </w:t>
            </w:r>
          </w:p>
        </w:tc>
      </w:tr>
      <w:tr w:rsidR="0031686C" w:rsidRPr="0031686C" w14:paraId="0F34EC45" w14:textId="77777777" w:rsidTr="0031686C">
        <w:trPr>
          <w:trHeight w:val="615"/>
        </w:trPr>
        <w:tc>
          <w:tcPr>
            <w:tcW w:w="24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F06ECD9" w14:textId="77777777" w:rsidR="0031686C" w:rsidRPr="0031686C" w:rsidRDefault="0031686C" w:rsidP="0031686C">
            <w:pPr>
              <w:rPr>
                <w:rFonts w:eastAsia="Times New Roman"/>
                <w:b/>
                <w:bCs/>
                <w:sz w:val="22"/>
                <w:szCs w:val="22"/>
              </w:rPr>
            </w:pPr>
            <w:r w:rsidRPr="0031686C">
              <w:rPr>
                <w:rFonts w:eastAsia="Times New Roman"/>
                <w:b/>
                <w:bCs/>
                <w:sz w:val="22"/>
                <w:szCs w:val="22"/>
              </w:rPr>
              <w:t>Progression-free survival events - N (%)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7B93617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31 (96.9)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75D1AE7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35 (92.1)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9DDBDD9" w14:textId="77777777" w:rsidR="0031686C" w:rsidRPr="0031686C" w:rsidRDefault="0031686C" w:rsidP="0031686C">
            <w:pPr>
              <w:rPr>
                <w:rFonts w:eastAsia="Times New Roman"/>
                <w:sz w:val="22"/>
                <w:szCs w:val="22"/>
              </w:rPr>
            </w:pPr>
            <w:r w:rsidRPr="0031686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48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AC914EE" w14:textId="77777777" w:rsidR="0031686C" w:rsidRPr="0031686C" w:rsidRDefault="0031686C" w:rsidP="0031686C">
            <w:pPr>
              <w:rPr>
                <w:rFonts w:eastAsia="Times New Roman"/>
                <w:sz w:val="22"/>
                <w:szCs w:val="22"/>
              </w:rPr>
            </w:pPr>
            <w:r w:rsidRPr="0031686C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31686C" w:rsidRPr="0031686C" w14:paraId="7AE7BF1B" w14:textId="77777777" w:rsidTr="0031686C">
        <w:trPr>
          <w:trHeight w:val="915"/>
        </w:trPr>
        <w:tc>
          <w:tcPr>
            <w:tcW w:w="24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C58C5A4" w14:textId="77777777" w:rsidR="0031686C" w:rsidRPr="0031686C" w:rsidRDefault="0031686C" w:rsidP="0031686C">
            <w:pPr>
              <w:rPr>
                <w:rFonts w:eastAsia="Times New Roman"/>
                <w:b/>
                <w:bCs/>
                <w:sz w:val="22"/>
                <w:szCs w:val="22"/>
              </w:rPr>
            </w:pPr>
            <w:r w:rsidRPr="0031686C">
              <w:rPr>
                <w:rFonts w:eastAsia="Times New Roman"/>
                <w:b/>
                <w:bCs/>
                <w:sz w:val="22"/>
                <w:szCs w:val="22"/>
              </w:rPr>
              <w:t>Progression-free survival (weeks) - n, median (IQR)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4A315B8" w14:textId="77777777" w:rsidR="0031686C" w:rsidRPr="0031686C" w:rsidRDefault="0031686C" w:rsidP="0031686C">
            <w:pPr>
              <w:rPr>
                <w:rFonts w:eastAsia="Times New Roman"/>
                <w:sz w:val="22"/>
                <w:szCs w:val="22"/>
              </w:rPr>
            </w:pPr>
            <w:r w:rsidRPr="0031686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F851879" w14:textId="77777777" w:rsidR="0031686C" w:rsidRPr="0031686C" w:rsidRDefault="0031686C" w:rsidP="0031686C">
            <w:pPr>
              <w:rPr>
                <w:rFonts w:eastAsia="Times New Roman"/>
                <w:sz w:val="22"/>
                <w:szCs w:val="22"/>
              </w:rPr>
            </w:pPr>
            <w:r w:rsidRPr="0031686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008B1B3" w14:textId="77777777" w:rsidR="0031686C" w:rsidRPr="0031686C" w:rsidRDefault="0031686C" w:rsidP="0031686C">
            <w:pPr>
              <w:rPr>
                <w:rFonts w:eastAsia="Times New Roman"/>
                <w:sz w:val="22"/>
                <w:szCs w:val="22"/>
              </w:rPr>
            </w:pPr>
            <w:r w:rsidRPr="0031686C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148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895EE68" w14:textId="77777777" w:rsidR="0031686C" w:rsidRPr="0031686C" w:rsidRDefault="0031686C" w:rsidP="0031686C">
            <w:pPr>
              <w:rPr>
                <w:rFonts w:eastAsia="Times New Roman"/>
                <w:sz w:val="22"/>
                <w:szCs w:val="22"/>
              </w:rPr>
            </w:pPr>
            <w:r w:rsidRPr="0031686C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31686C" w:rsidRPr="0031686C" w14:paraId="76FDB540" w14:textId="77777777" w:rsidTr="0031686C">
        <w:trPr>
          <w:trHeight w:val="315"/>
        </w:trPr>
        <w:tc>
          <w:tcPr>
            <w:tcW w:w="24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79B58E9" w14:textId="77777777" w:rsidR="0031686C" w:rsidRPr="0031686C" w:rsidRDefault="0031686C" w:rsidP="0031686C">
            <w:pPr>
              <w:jc w:val="right"/>
              <w:rPr>
                <w:rFonts w:eastAsia="Times New Roman"/>
                <w:b/>
                <w:bCs/>
                <w:sz w:val="22"/>
                <w:szCs w:val="22"/>
              </w:rPr>
            </w:pPr>
            <w:r w:rsidRPr="0031686C">
              <w:rPr>
                <w:rFonts w:eastAsia="Times New Roman"/>
                <w:b/>
                <w:bCs/>
                <w:sz w:val="22"/>
                <w:szCs w:val="22"/>
              </w:rPr>
              <w:t>ITT population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DAE9DEB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32, 16.6 (7.1-21.7)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EECE77B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38, 12 (5.6-18.7)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17952D7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0.83 (0.60-1.15)</w:t>
            </w:r>
          </w:p>
        </w:tc>
        <w:tc>
          <w:tcPr>
            <w:tcW w:w="148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66BF75F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0.23</w:t>
            </w:r>
          </w:p>
        </w:tc>
      </w:tr>
      <w:tr w:rsidR="0031686C" w:rsidRPr="0031686C" w14:paraId="3EFF47AF" w14:textId="77777777" w:rsidTr="0031686C">
        <w:trPr>
          <w:trHeight w:val="315"/>
        </w:trPr>
        <w:tc>
          <w:tcPr>
            <w:tcW w:w="24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E1F4BDC" w14:textId="77777777" w:rsidR="0031686C" w:rsidRPr="0031686C" w:rsidRDefault="0031686C" w:rsidP="0031686C">
            <w:pPr>
              <w:jc w:val="right"/>
              <w:rPr>
                <w:rFonts w:eastAsia="Times New Roman"/>
                <w:b/>
                <w:bCs/>
                <w:sz w:val="22"/>
                <w:szCs w:val="22"/>
              </w:rPr>
            </w:pPr>
            <w:r w:rsidRPr="0031686C">
              <w:rPr>
                <w:rFonts w:eastAsia="Times New Roman"/>
                <w:b/>
                <w:bCs/>
                <w:sz w:val="22"/>
                <w:szCs w:val="22"/>
              </w:rPr>
              <w:t>PP population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1AE419E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32, 16.6 (7.1-21.7)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5180644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38, 12 (5.6-18.7)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5B53D8F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0.83 (0.60-1.15)</w:t>
            </w:r>
          </w:p>
        </w:tc>
        <w:tc>
          <w:tcPr>
            <w:tcW w:w="148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5079580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0.23</w:t>
            </w:r>
          </w:p>
        </w:tc>
      </w:tr>
      <w:tr w:rsidR="0031686C" w:rsidRPr="0031686C" w14:paraId="2A5BC04C" w14:textId="77777777" w:rsidTr="0031686C">
        <w:trPr>
          <w:trHeight w:val="315"/>
        </w:trPr>
        <w:tc>
          <w:tcPr>
            <w:tcW w:w="24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26DEBE6" w14:textId="77777777" w:rsidR="0031686C" w:rsidRPr="0031686C" w:rsidRDefault="0031686C" w:rsidP="0031686C">
            <w:pPr>
              <w:jc w:val="right"/>
              <w:rPr>
                <w:rFonts w:eastAsia="Times New Roman"/>
                <w:b/>
                <w:bCs/>
                <w:sz w:val="22"/>
                <w:szCs w:val="22"/>
              </w:rPr>
            </w:pPr>
            <w:r w:rsidRPr="0031686C">
              <w:rPr>
                <w:rFonts w:eastAsia="Times New Roman"/>
                <w:b/>
                <w:bCs/>
                <w:sz w:val="22"/>
                <w:szCs w:val="22"/>
              </w:rPr>
              <w:t>Cox model adjusted*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DFFC2E7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32, 16.6 (7.1-21.7)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7E4E46B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38, 12 (5.6-18.7)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31BC82B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0.73 (0.52-1.02)</w:t>
            </w:r>
          </w:p>
        </w:tc>
        <w:tc>
          <w:tcPr>
            <w:tcW w:w="148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BDAF7A8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0.11</w:t>
            </w:r>
          </w:p>
        </w:tc>
      </w:tr>
      <w:tr w:rsidR="0031686C" w:rsidRPr="0031686C" w14:paraId="307563C8" w14:textId="77777777" w:rsidTr="0031686C">
        <w:trPr>
          <w:trHeight w:val="315"/>
        </w:trPr>
        <w:tc>
          <w:tcPr>
            <w:tcW w:w="24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CECFC67" w14:textId="77777777" w:rsidR="0031686C" w:rsidRPr="0031686C" w:rsidRDefault="0031686C" w:rsidP="0031686C">
            <w:pPr>
              <w:jc w:val="right"/>
              <w:rPr>
                <w:rFonts w:eastAsia="Times New Roman"/>
                <w:b/>
                <w:bCs/>
                <w:sz w:val="22"/>
                <w:szCs w:val="22"/>
              </w:rPr>
            </w:pPr>
            <w:r w:rsidRPr="0031686C">
              <w:rPr>
                <w:rFonts w:eastAsia="Times New Roman"/>
                <w:b/>
                <w:bCs/>
                <w:sz w:val="22"/>
                <w:szCs w:val="22"/>
              </w:rPr>
              <w:t>Cox model adjusted**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A9BB842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32, 16.6 (7.1-21.7)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2F8A8B2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38, 12 (5.6-18.7)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86CA402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0.79 (0.54-1.17)</w:t>
            </w:r>
          </w:p>
        </w:tc>
        <w:tc>
          <w:tcPr>
            <w:tcW w:w="148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ADCB76B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0.22</w:t>
            </w:r>
          </w:p>
        </w:tc>
      </w:tr>
      <w:tr w:rsidR="0031686C" w:rsidRPr="0031686C" w14:paraId="6C8BDB87" w14:textId="77777777" w:rsidTr="0031686C">
        <w:trPr>
          <w:trHeight w:val="615"/>
        </w:trPr>
        <w:tc>
          <w:tcPr>
            <w:tcW w:w="24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281B651" w14:textId="77777777" w:rsidR="0031686C" w:rsidRPr="0031686C" w:rsidRDefault="0031686C" w:rsidP="0031686C">
            <w:pPr>
              <w:rPr>
                <w:rFonts w:eastAsia="Times New Roman"/>
                <w:b/>
                <w:bCs/>
                <w:sz w:val="22"/>
                <w:szCs w:val="22"/>
              </w:rPr>
            </w:pPr>
            <w:r w:rsidRPr="0031686C">
              <w:rPr>
                <w:rFonts w:eastAsia="Times New Roman"/>
                <w:b/>
                <w:bCs/>
                <w:sz w:val="22"/>
                <w:szCs w:val="22"/>
              </w:rPr>
              <w:t>Overall survival (weeks) - n, median (IQR)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53BFFEA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9D5A094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37E2F2D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8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AE489EB" w14:textId="77777777" w:rsidR="0031686C" w:rsidRPr="0031686C" w:rsidRDefault="0031686C" w:rsidP="0031686C">
            <w:pPr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31686C" w:rsidRPr="0031686C" w14:paraId="5EF6F5DA" w14:textId="77777777" w:rsidTr="0031686C">
        <w:trPr>
          <w:trHeight w:val="315"/>
        </w:trPr>
        <w:tc>
          <w:tcPr>
            <w:tcW w:w="24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C71BE1B" w14:textId="77777777" w:rsidR="0031686C" w:rsidRPr="0031686C" w:rsidRDefault="0031686C" w:rsidP="0031686C">
            <w:pPr>
              <w:jc w:val="right"/>
              <w:rPr>
                <w:rFonts w:eastAsia="Times New Roman"/>
                <w:b/>
                <w:bCs/>
                <w:sz w:val="22"/>
                <w:szCs w:val="22"/>
              </w:rPr>
            </w:pPr>
            <w:r w:rsidRPr="0031686C">
              <w:rPr>
                <w:rFonts w:eastAsia="Times New Roman"/>
                <w:b/>
                <w:bCs/>
                <w:sz w:val="22"/>
                <w:szCs w:val="22"/>
              </w:rPr>
              <w:t>ITT population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296F996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32, 59.4 (38.7-67.9)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4F1B8EC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38, 31.3 (22.4-58.6)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8500FE0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0.68 (0.37-1.26)</w:t>
            </w:r>
          </w:p>
        </w:tc>
        <w:tc>
          <w:tcPr>
            <w:tcW w:w="148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27DCB8E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0.22</w:t>
            </w:r>
          </w:p>
        </w:tc>
      </w:tr>
      <w:tr w:rsidR="0031686C" w:rsidRPr="0031686C" w14:paraId="34C3DBDD" w14:textId="77777777" w:rsidTr="0031686C">
        <w:trPr>
          <w:trHeight w:val="915"/>
        </w:trPr>
        <w:tc>
          <w:tcPr>
            <w:tcW w:w="24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342A25B" w14:textId="77777777" w:rsidR="0031686C" w:rsidRPr="0031686C" w:rsidRDefault="0031686C" w:rsidP="0031686C">
            <w:pPr>
              <w:rPr>
                <w:rFonts w:eastAsia="Times New Roman"/>
                <w:b/>
                <w:bCs/>
                <w:sz w:val="22"/>
                <w:szCs w:val="22"/>
              </w:rPr>
            </w:pPr>
            <w:r w:rsidRPr="0031686C">
              <w:rPr>
                <w:rFonts w:eastAsia="Times New Roman"/>
                <w:b/>
                <w:bCs/>
                <w:sz w:val="22"/>
                <w:szCs w:val="22"/>
              </w:rPr>
              <w:t>Duration of follow up (weeks)*** - n, median (IQR)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E5B680E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N/A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3B3C99C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N/A</w:t>
            </w:r>
          </w:p>
        </w:tc>
        <w:tc>
          <w:tcPr>
            <w:tcW w:w="15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34A4E7F" w14:textId="77777777" w:rsidR="0031686C" w:rsidRPr="0031686C" w:rsidRDefault="0031686C" w:rsidP="0031686C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48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4B23C66" w14:textId="77777777" w:rsidR="0031686C" w:rsidRPr="0031686C" w:rsidRDefault="0031686C" w:rsidP="0031686C">
            <w:pPr>
              <w:rPr>
                <w:rFonts w:eastAsia="Times New Roman"/>
                <w:sz w:val="18"/>
                <w:szCs w:val="18"/>
              </w:rPr>
            </w:pPr>
            <w:r w:rsidRPr="0031686C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31686C" w:rsidRPr="0031686C" w14:paraId="7F71C560" w14:textId="77777777" w:rsidTr="0031686C">
        <w:trPr>
          <w:trHeight w:val="300"/>
        </w:trPr>
        <w:tc>
          <w:tcPr>
            <w:tcW w:w="24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D679B6" w14:textId="77777777" w:rsidR="0031686C" w:rsidRPr="0031686C" w:rsidRDefault="0031686C" w:rsidP="0031686C">
            <w:pPr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15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081F72" w14:textId="77777777" w:rsidR="0031686C" w:rsidRPr="0031686C" w:rsidRDefault="0031686C" w:rsidP="0031686C">
            <w:pPr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15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AB3A92" w14:textId="77777777" w:rsidR="0031686C" w:rsidRPr="0031686C" w:rsidRDefault="0031686C" w:rsidP="0031686C">
            <w:pPr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15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F2CAEE" w14:textId="77777777" w:rsidR="0031686C" w:rsidRPr="0031686C" w:rsidRDefault="0031686C" w:rsidP="0031686C">
            <w:pPr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14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5FE8C6" w14:textId="77777777" w:rsidR="0031686C" w:rsidRPr="0031686C" w:rsidRDefault="0031686C" w:rsidP="0031686C">
            <w:pPr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31686C" w:rsidRPr="0031686C" w14:paraId="2029D17B" w14:textId="77777777" w:rsidTr="0031686C">
        <w:trPr>
          <w:trHeight w:val="300"/>
        </w:trPr>
        <w:tc>
          <w:tcPr>
            <w:tcW w:w="6960" w:type="dxa"/>
            <w:gridSpan w:val="4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AADDEB9" w14:textId="77777777" w:rsidR="0031686C" w:rsidRPr="0031686C" w:rsidRDefault="0031686C" w:rsidP="0031686C">
            <w:pPr>
              <w:rPr>
                <w:rFonts w:eastAsia="Times New Roman"/>
                <w:b/>
                <w:bCs/>
                <w:sz w:val="22"/>
                <w:szCs w:val="22"/>
              </w:rPr>
            </w:pPr>
            <w:r w:rsidRPr="0031686C">
              <w:rPr>
                <w:rFonts w:eastAsia="Times New Roman"/>
                <w:b/>
                <w:bCs/>
                <w:sz w:val="22"/>
                <w:szCs w:val="22"/>
              </w:rPr>
              <w:t>* Adjusted for stratification factors-smoking history and histology</w:t>
            </w:r>
          </w:p>
        </w:tc>
        <w:tc>
          <w:tcPr>
            <w:tcW w:w="14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4639F3" w14:textId="77777777" w:rsidR="0031686C" w:rsidRPr="0031686C" w:rsidRDefault="0031686C" w:rsidP="0031686C">
            <w:pPr>
              <w:rPr>
                <w:rFonts w:eastAsia="Times New Roman"/>
                <w:b/>
                <w:bCs/>
                <w:sz w:val="22"/>
                <w:szCs w:val="22"/>
              </w:rPr>
            </w:pPr>
          </w:p>
        </w:tc>
      </w:tr>
      <w:tr w:rsidR="0031686C" w:rsidRPr="0031686C" w14:paraId="1636B7FF" w14:textId="77777777" w:rsidTr="0031686C">
        <w:trPr>
          <w:trHeight w:val="300"/>
        </w:trPr>
        <w:tc>
          <w:tcPr>
            <w:tcW w:w="5440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F5629FB" w14:textId="77777777" w:rsidR="0031686C" w:rsidRPr="0031686C" w:rsidRDefault="0031686C" w:rsidP="0031686C">
            <w:pPr>
              <w:rPr>
                <w:rFonts w:eastAsia="Times New Roman"/>
                <w:b/>
                <w:bCs/>
                <w:sz w:val="22"/>
                <w:szCs w:val="22"/>
              </w:rPr>
            </w:pPr>
            <w:r w:rsidRPr="0031686C">
              <w:rPr>
                <w:rFonts w:eastAsia="Times New Roman"/>
                <w:b/>
                <w:bCs/>
                <w:sz w:val="22"/>
                <w:szCs w:val="22"/>
              </w:rPr>
              <w:t>** Adjusted for stratification factors, T-stage and N-stage</w:t>
            </w:r>
          </w:p>
        </w:tc>
        <w:tc>
          <w:tcPr>
            <w:tcW w:w="15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7957B45" w14:textId="77777777" w:rsidR="0031686C" w:rsidRPr="0031686C" w:rsidRDefault="0031686C" w:rsidP="0031686C">
            <w:pPr>
              <w:rPr>
                <w:rFonts w:eastAsia="Times New Roman"/>
                <w:b/>
                <w:bCs/>
                <w:sz w:val="22"/>
                <w:szCs w:val="22"/>
              </w:rPr>
            </w:pPr>
          </w:p>
        </w:tc>
        <w:tc>
          <w:tcPr>
            <w:tcW w:w="14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2CA6CDED" w14:textId="77777777" w:rsidR="0031686C" w:rsidRPr="0031686C" w:rsidRDefault="0031686C" w:rsidP="0031686C">
            <w:pPr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31686C" w:rsidRPr="0031686C" w14:paraId="6909AA77" w14:textId="77777777" w:rsidTr="0031686C">
        <w:trPr>
          <w:trHeight w:val="1005"/>
        </w:trPr>
        <w:tc>
          <w:tcPr>
            <w:tcW w:w="8440" w:type="dxa"/>
            <w:gridSpan w:val="5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C3D5C45" w14:textId="77777777" w:rsidR="0031686C" w:rsidRPr="0031686C" w:rsidRDefault="0031686C" w:rsidP="0031686C">
            <w:pPr>
              <w:rPr>
                <w:rFonts w:eastAsia="Times New Roman"/>
                <w:b/>
                <w:bCs/>
                <w:sz w:val="22"/>
                <w:szCs w:val="22"/>
              </w:rPr>
            </w:pPr>
            <w:r w:rsidRPr="0031686C">
              <w:rPr>
                <w:rFonts w:eastAsia="Times New Roman"/>
                <w:b/>
                <w:bCs/>
                <w:sz w:val="22"/>
                <w:szCs w:val="22"/>
              </w:rPr>
              <w:t>*** There were 3 patients that were still alive and not progressed at complete withdrawal and 1 patient that did not start study treatment in the ITT population. The median duration of follow up was not reached.</w:t>
            </w:r>
          </w:p>
        </w:tc>
      </w:tr>
      <w:tr w:rsidR="0031686C" w:rsidRPr="0031686C" w14:paraId="400705F8" w14:textId="77777777" w:rsidTr="0031686C">
        <w:trPr>
          <w:trHeight w:val="345"/>
        </w:trPr>
        <w:tc>
          <w:tcPr>
            <w:tcW w:w="5440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DD8A8C" w14:textId="77777777" w:rsidR="0031686C" w:rsidRPr="0031686C" w:rsidRDefault="0031686C" w:rsidP="0031686C">
            <w:pPr>
              <w:rPr>
                <w:rFonts w:eastAsia="Times New Roman"/>
                <w:b/>
                <w:bCs/>
                <w:sz w:val="22"/>
                <w:szCs w:val="22"/>
              </w:rPr>
            </w:pPr>
            <w:r w:rsidRPr="0031686C">
              <w:rPr>
                <w:rFonts w:eastAsia="Times New Roman"/>
                <w:b/>
                <w:bCs/>
                <w:sz w:val="22"/>
                <w:szCs w:val="22"/>
                <w:vertAlign w:val="superscript"/>
              </w:rPr>
              <w:t>1</w:t>
            </w:r>
            <w:r w:rsidRPr="0031686C">
              <w:rPr>
                <w:rFonts w:eastAsia="Times New Roman"/>
                <w:b/>
                <w:bCs/>
                <w:sz w:val="22"/>
                <w:szCs w:val="22"/>
              </w:rPr>
              <w:t xml:space="preserve"> One-sided p-value for PFS. Two-sided p-value for OS.</w:t>
            </w:r>
          </w:p>
        </w:tc>
        <w:tc>
          <w:tcPr>
            <w:tcW w:w="15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7818E53D" w14:textId="77777777" w:rsidR="0031686C" w:rsidRPr="0031686C" w:rsidRDefault="0031686C" w:rsidP="0031686C">
            <w:pPr>
              <w:rPr>
                <w:rFonts w:eastAsia="Times New Roman"/>
                <w:b/>
                <w:bCs/>
                <w:sz w:val="22"/>
                <w:szCs w:val="22"/>
              </w:rPr>
            </w:pPr>
          </w:p>
        </w:tc>
        <w:tc>
          <w:tcPr>
            <w:tcW w:w="14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14:paraId="6E1F40D4" w14:textId="77777777" w:rsidR="0031686C" w:rsidRPr="0031686C" w:rsidRDefault="0031686C" w:rsidP="0031686C">
            <w:pPr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</w:tbl>
    <w:p w14:paraId="7263112B" w14:textId="5D96A591" w:rsidR="00493C50" w:rsidRDefault="00493C50" w:rsidP="00493C50">
      <w:pPr>
        <w:rPr>
          <w:lang w:eastAsia="en-US"/>
        </w:rPr>
      </w:pPr>
    </w:p>
    <w:p w14:paraId="775A8AC2" w14:textId="77777777" w:rsidR="00493C50" w:rsidRPr="009F6C05" w:rsidRDefault="00493C50" w:rsidP="0031686C"/>
    <w:p w14:paraId="610C1D31" w14:textId="28C8C01C" w:rsidR="00505E31" w:rsidRDefault="00505E31" w:rsidP="00505E31">
      <w:pPr>
        <w:rPr>
          <w:lang w:eastAsia="en-US"/>
        </w:rPr>
      </w:pPr>
    </w:p>
    <w:p w14:paraId="5E67BE20" w14:textId="77777777" w:rsidR="008A0D3F" w:rsidRDefault="008A0D3F" w:rsidP="00843FE3">
      <w:pPr>
        <w:pStyle w:val="Caption"/>
        <w:keepNext/>
      </w:pPr>
    </w:p>
    <w:p w14:paraId="406DA60D" w14:textId="77777777" w:rsidR="008A0D3F" w:rsidRDefault="008A0D3F" w:rsidP="00843FE3">
      <w:pPr>
        <w:pStyle w:val="Caption"/>
        <w:keepNext/>
      </w:pPr>
    </w:p>
    <w:p w14:paraId="26E1B0E3" w14:textId="77777777" w:rsidR="009170BD" w:rsidRDefault="009170BD">
      <w:pPr>
        <w:rPr>
          <w:rFonts w:asciiTheme="minorHAnsi" w:eastAsiaTheme="minorHAnsi" w:hAnsiTheme="minorHAnsi" w:cstheme="minorBidi"/>
          <w:b/>
          <w:bCs/>
          <w:sz w:val="18"/>
          <w:szCs w:val="18"/>
          <w:lang w:eastAsia="en-US"/>
        </w:rPr>
      </w:pPr>
      <w:r>
        <w:br w:type="page"/>
      </w:r>
    </w:p>
    <w:p w14:paraId="647A3D40" w14:textId="5DDFACC8" w:rsidR="00843FE3" w:rsidRDefault="00843FE3" w:rsidP="00843FE3">
      <w:pPr>
        <w:pStyle w:val="Caption"/>
        <w:keepNext/>
      </w:pPr>
      <w:r>
        <w:lastRenderedPageBreak/>
        <w:t xml:space="preserve">Table </w:t>
      </w:r>
      <w:r>
        <w:fldChar w:fldCharType="begin"/>
      </w:r>
      <w:r>
        <w:instrText xml:space="preserve"> SEQ Table \* ARABIC </w:instrText>
      </w:r>
      <w:r>
        <w:fldChar w:fldCharType="separate"/>
      </w:r>
      <w:r w:rsidR="00970777">
        <w:rPr>
          <w:noProof/>
        </w:rPr>
        <w:t>14</w:t>
      </w:r>
      <w:r>
        <w:fldChar w:fldCharType="end"/>
      </w:r>
      <w:r>
        <w:t>: Patient withdrawal and death</w:t>
      </w:r>
    </w:p>
    <w:tbl>
      <w:tblPr>
        <w:tblW w:w="5997" w:type="dxa"/>
        <w:tblLook w:val="04A0" w:firstRow="1" w:lastRow="0" w:firstColumn="1" w:lastColumn="0" w:noHBand="0" w:noVBand="1"/>
      </w:tblPr>
      <w:tblGrid>
        <w:gridCol w:w="4405"/>
        <w:gridCol w:w="1005"/>
        <w:gridCol w:w="935"/>
      </w:tblGrid>
      <w:tr w:rsidR="00A21121" w:rsidRPr="00A21121" w14:paraId="774C6E52" w14:textId="77777777" w:rsidTr="00A21121">
        <w:trPr>
          <w:trHeight w:val="300"/>
        </w:trPr>
        <w:tc>
          <w:tcPr>
            <w:tcW w:w="4405" w:type="dxa"/>
            <w:vMerge w:val="restart"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F535B08" w14:textId="77777777" w:rsidR="00A21121" w:rsidRPr="00A21121" w:rsidRDefault="00A21121" w:rsidP="00A21121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A21121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Table </w:t>
            </w:r>
            <w:proofErr w:type="gramStart"/>
            <w:r w:rsidRPr="00A21121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14 :</w:t>
            </w:r>
            <w:proofErr w:type="gramEnd"/>
            <w:r w:rsidRPr="00A21121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 Patient withdrawal and death</w:t>
            </w:r>
          </w:p>
        </w:tc>
        <w:tc>
          <w:tcPr>
            <w:tcW w:w="819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BD82735" w14:textId="77777777" w:rsidR="00A21121" w:rsidRPr="00A21121" w:rsidRDefault="00A21121" w:rsidP="00A21121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A21121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Olaparib</w:t>
            </w:r>
          </w:p>
        </w:tc>
        <w:tc>
          <w:tcPr>
            <w:tcW w:w="773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E6517BD" w14:textId="77777777" w:rsidR="00A21121" w:rsidRPr="00A21121" w:rsidRDefault="00A21121" w:rsidP="00A21121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A21121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lacebo</w:t>
            </w:r>
          </w:p>
        </w:tc>
      </w:tr>
      <w:tr w:rsidR="00A21121" w:rsidRPr="00A21121" w14:paraId="29C59600" w14:textId="77777777" w:rsidTr="00A21121">
        <w:trPr>
          <w:trHeight w:val="315"/>
        </w:trPr>
        <w:tc>
          <w:tcPr>
            <w:tcW w:w="4405" w:type="dxa"/>
            <w:vMerge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4A3136A0" w14:textId="77777777" w:rsidR="00A21121" w:rsidRPr="00A21121" w:rsidRDefault="00A21121" w:rsidP="00A21121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819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D097542" w14:textId="77777777" w:rsidR="00A21121" w:rsidRPr="00A21121" w:rsidRDefault="00A21121" w:rsidP="00A21121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A21121">
              <w:rPr>
                <w:rFonts w:eastAsia="Times New Roman"/>
                <w:sz w:val="22"/>
                <w:szCs w:val="22"/>
              </w:rPr>
              <w:t>N=32</w:t>
            </w:r>
          </w:p>
        </w:tc>
        <w:tc>
          <w:tcPr>
            <w:tcW w:w="77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EE45CB6" w14:textId="77777777" w:rsidR="00A21121" w:rsidRPr="00A21121" w:rsidRDefault="00A21121" w:rsidP="00A21121">
            <w:pPr>
              <w:jc w:val="center"/>
              <w:rPr>
                <w:rFonts w:eastAsia="Times New Roman"/>
                <w:sz w:val="22"/>
                <w:szCs w:val="22"/>
              </w:rPr>
            </w:pPr>
            <w:r w:rsidRPr="00A21121">
              <w:rPr>
                <w:rFonts w:eastAsia="Times New Roman"/>
                <w:sz w:val="22"/>
                <w:szCs w:val="22"/>
              </w:rPr>
              <w:t>N=38</w:t>
            </w:r>
          </w:p>
        </w:tc>
      </w:tr>
      <w:tr w:rsidR="00A21121" w:rsidRPr="00A21121" w14:paraId="1F3BE02A" w14:textId="77777777" w:rsidTr="00A21121">
        <w:trPr>
          <w:trHeight w:val="300"/>
        </w:trPr>
        <w:tc>
          <w:tcPr>
            <w:tcW w:w="4405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C183659" w14:textId="77777777" w:rsidR="00A21121" w:rsidRPr="00A21121" w:rsidRDefault="00A21121" w:rsidP="00A21121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A21121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Withdrawal - </w:t>
            </w:r>
            <w:proofErr w:type="gramStart"/>
            <w:r w:rsidRPr="00A21121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N(</w:t>
            </w:r>
            <w:proofErr w:type="gramEnd"/>
            <w:r w:rsidRPr="00A21121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%)</w:t>
            </w:r>
          </w:p>
        </w:tc>
        <w:tc>
          <w:tcPr>
            <w:tcW w:w="819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7E9BE95" w14:textId="77777777" w:rsidR="00A21121" w:rsidRPr="00A21121" w:rsidRDefault="00A21121" w:rsidP="00A21121">
            <w:pPr>
              <w:rPr>
                <w:rFonts w:eastAsia="Times New Roman"/>
                <w:sz w:val="22"/>
                <w:szCs w:val="22"/>
              </w:rPr>
            </w:pPr>
            <w:r w:rsidRPr="00A21121">
              <w:rPr>
                <w:rFonts w:eastAsia="Times New Roman"/>
                <w:sz w:val="22"/>
                <w:szCs w:val="22"/>
              </w:rPr>
              <w:t> </w:t>
            </w:r>
          </w:p>
        </w:tc>
        <w:tc>
          <w:tcPr>
            <w:tcW w:w="77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D415A8F" w14:textId="77777777" w:rsidR="00A21121" w:rsidRPr="00A21121" w:rsidRDefault="00A21121" w:rsidP="00A21121">
            <w:pPr>
              <w:rPr>
                <w:rFonts w:eastAsia="Times New Roman"/>
                <w:sz w:val="22"/>
                <w:szCs w:val="22"/>
              </w:rPr>
            </w:pPr>
            <w:r w:rsidRPr="00A21121">
              <w:rPr>
                <w:rFonts w:eastAsia="Times New Roman"/>
                <w:sz w:val="22"/>
                <w:szCs w:val="22"/>
              </w:rPr>
              <w:t> </w:t>
            </w:r>
          </w:p>
        </w:tc>
      </w:tr>
      <w:tr w:rsidR="00A21121" w:rsidRPr="00A21121" w14:paraId="752BCA6A" w14:textId="77777777" w:rsidTr="00A21121">
        <w:trPr>
          <w:trHeight w:val="300"/>
        </w:trPr>
        <w:tc>
          <w:tcPr>
            <w:tcW w:w="4405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7137848" w14:textId="77777777" w:rsidR="00A21121" w:rsidRPr="00A21121" w:rsidRDefault="00A21121" w:rsidP="00A21121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21121">
              <w:rPr>
                <w:rFonts w:eastAsia="Times New Roman"/>
                <w:sz w:val="22"/>
                <w:szCs w:val="22"/>
              </w:rPr>
              <w:t>Level 1</w:t>
            </w:r>
          </w:p>
        </w:tc>
        <w:tc>
          <w:tcPr>
            <w:tcW w:w="819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0FA57DF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19 (59.4)</w:t>
            </w:r>
          </w:p>
        </w:tc>
        <w:tc>
          <w:tcPr>
            <w:tcW w:w="77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F09C733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20 (52.6)</w:t>
            </w:r>
          </w:p>
        </w:tc>
      </w:tr>
      <w:tr w:rsidR="00A21121" w:rsidRPr="00A21121" w14:paraId="6EA44D9A" w14:textId="77777777" w:rsidTr="00A21121">
        <w:trPr>
          <w:trHeight w:val="300"/>
        </w:trPr>
        <w:tc>
          <w:tcPr>
            <w:tcW w:w="4405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C012B03" w14:textId="77777777" w:rsidR="00A21121" w:rsidRPr="00A21121" w:rsidRDefault="00A21121" w:rsidP="00A21121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21121">
              <w:rPr>
                <w:rFonts w:eastAsia="Times New Roman"/>
                <w:sz w:val="22"/>
                <w:szCs w:val="22"/>
              </w:rPr>
              <w:t>Level 2</w:t>
            </w:r>
          </w:p>
        </w:tc>
        <w:tc>
          <w:tcPr>
            <w:tcW w:w="819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3DBD826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77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3FFFD46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A21121" w:rsidRPr="00A21121" w14:paraId="493E49DC" w14:textId="77777777" w:rsidTr="00A21121">
        <w:trPr>
          <w:trHeight w:val="300"/>
        </w:trPr>
        <w:tc>
          <w:tcPr>
            <w:tcW w:w="4405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04211B8" w14:textId="77777777" w:rsidR="00A21121" w:rsidRPr="00A21121" w:rsidRDefault="00A21121" w:rsidP="00A21121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21121">
              <w:rPr>
                <w:rFonts w:eastAsia="Times New Roman"/>
                <w:sz w:val="22"/>
                <w:szCs w:val="22"/>
              </w:rPr>
              <w:t>Level 3</w:t>
            </w:r>
          </w:p>
        </w:tc>
        <w:tc>
          <w:tcPr>
            <w:tcW w:w="819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1AE9496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8 (25.0)</w:t>
            </w:r>
          </w:p>
        </w:tc>
        <w:tc>
          <w:tcPr>
            <w:tcW w:w="77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187290A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10 (26.3)</w:t>
            </w:r>
          </w:p>
        </w:tc>
      </w:tr>
      <w:tr w:rsidR="00A21121" w:rsidRPr="00A21121" w14:paraId="4A6ABE71" w14:textId="77777777" w:rsidTr="00A21121">
        <w:trPr>
          <w:trHeight w:val="300"/>
        </w:trPr>
        <w:tc>
          <w:tcPr>
            <w:tcW w:w="4405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5A465F8" w14:textId="77777777" w:rsidR="00A21121" w:rsidRPr="00A21121" w:rsidRDefault="00A21121" w:rsidP="00A21121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21121">
              <w:rPr>
                <w:rFonts w:eastAsia="Times New Roman"/>
                <w:sz w:val="22"/>
                <w:szCs w:val="22"/>
              </w:rPr>
              <w:t>Level 4</w:t>
            </w:r>
          </w:p>
        </w:tc>
        <w:tc>
          <w:tcPr>
            <w:tcW w:w="819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EE8CE42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5 (15.6)</w:t>
            </w:r>
          </w:p>
        </w:tc>
        <w:tc>
          <w:tcPr>
            <w:tcW w:w="77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43D9ADD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8 (21.1)</w:t>
            </w:r>
          </w:p>
        </w:tc>
      </w:tr>
      <w:tr w:rsidR="00A21121" w:rsidRPr="00A21121" w14:paraId="218B9A71" w14:textId="77777777" w:rsidTr="00A21121">
        <w:trPr>
          <w:trHeight w:val="315"/>
        </w:trPr>
        <w:tc>
          <w:tcPr>
            <w:tcW w:w="4405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C18CAB1" w14:textId="77777777" w:rsidR="00A21121" w:rsidRPr="00A21121" w:rsidRDefault="00A21121" w:rsidP="00A21121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21121">
              <w:rPr>
                <w:rFonts w:eastAsia="Times New Roman"/>
                <w:sz w:val="22"/>
                <w:szCs w:val="22"/>
              </w:rPr>
              <w:t>Total</w:t>
            </w:r>
          </w:p>
        </w:tc>
        <w:tc>
          <w:tcPr>
            <w:tcW w:w="819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E24D9BE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32 (100.0)</w:t>
            </w:r>
          </w:p>
        </w:tc>
        <w:tc>
          <w:tcPr>
            <w:tcW w:w="77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6C22829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38 (100.0)</w:t>
            </w:r>
          </w:p>
        </w:tc>
      </w:tr>
      <w:tr w:rsidR="00A21121" w:rsidRPr="00A21121" w14:paraId="4B30343A" w14:textId="77777777" w:rsidTr="00A21121">
        <w:trPr>
          <w:trHeight w:val="900"/>
        </w:trPr>
        <w:tc>
          <w:tcPr>
            <w:tcW w:w="4405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3B0A9F6" w14:textId="77777777" w:rsidR="00A21121" w:rsidRPr="00A21121" w:rsidRDefault="00A21121" w:rsidP="00A21121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A21121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Reasons for withdrawal from trial treatment - </w:t>
            </w:r>
            <w:proofErr w:type="gramStart"/>
            <w:r w:rsidRPr="00A21121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N(</w:t>
            </w:r>
            <w:proofErr w:type="gramEnd"/>
            <w:r w:rsidRPr="00A21121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%)</w:t>
            </w:r>
          </w:p>
        </w:tc>
        <w:tc>
          <w:tcPr>
            <w:tcW w:w="819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B74EBBB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7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F84229A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A21121" w:rsidRPr="00A21121" w14:paraId="6345357C" w14:textId="77777777" w:rsidTr="00A21121">
        <w:trPr>
          <w:trHeight w:val="300"/>
        </w:trPr>
        <w:tc>
          <w:tcPr>
            <w:tcW w:w="4405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3507D73" w14:textId="77777777" w:rsidR="00A21121" w:rsidRPr="00A21121" w:rsidRDefault="00A21121" w:rsidP="00A21121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21121">
              <w:rPr>
                <w:rFonts w:eastAsia="Times New Roman"/>
                <w:sz w:val="22"/>
                <w:szCs w:val="22"/>
              </w:rPr>
              <w:t>Clinical disease progression</w:t>
            </w:r>
          </w:p>
        </w:tc>
        <w:tc>
          <w:tcPr>
            <w:tcW w:w="819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1E9593B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24 (75.0)</w:t>
            </w:r>
          </w:p>
        </w:tc>
        <w:tc>
          <w:tcPr>
            <w:tcW w:w="77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010E59B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33 (86.8)</w:t>
            </w:r>
          </w:p>
        </w:tc>
      </w:tr>
      <w:tr w:rsidR="00A21121" w:rsidRPr="00A21121" w14:paraId="69243899" w14:textId="77777777" w:rsidTr="00A21121">
        <w:trPr>
          <w:trHeight w:val="300"/>
        </w:trPr>
        <w:tc>
          <w:tcPr>
            <w:tcW w:w="4405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121CF81" w14:textId="77777777" w:rsidR="00A21121" w:rsidRPr="00A21121" w:rsidRDefault="00A21121" w:rsidP="00A21121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21121">
              <w:rPr>
                <w:rFonts w:eastAsia="Times New Roman"/>
                <w:sz w:val="22"/>
                <w:szCs w:val="22"/>
              </w:rPr>
              <w:t>Intolerance to treatment</w:t>
            </w:r>
          </w:p>
        </w:tc>
        <w:tc>
          <w:tcPr>
            <w:tcW w:w="819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9227290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4 (12.5)</w:t>
            </w:r>
          </w:p>
        </w:tc>
        <w:tc>
          <w:tcPr>
            <w:tcW w:w="77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991CAF6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1 (2.6)</w:t>
            </w:r>
          </w:p>
        </w:tc>
      </w:tr>
      <w:tr w:rsidR="00A21121" w:rsidRPr="00A21121" w14:paraId="15EA55FC" w14:textId="77777777" w:rsidTr="00A21121">
        <w:trPr>
          <w:trHeight w:val="300"/>
        </w:trPr>
        <w:tc>
          <w:tcPr>
            <w:tcW w:w="4405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D9C41E4" w14:textId="77777777" w:rsidR="00A21121" w:rsidRPr="00A21121" w:rsidRDefault="00A21121" w:rsidP="00A21121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21121">
              <w:rPr>
                <w:rFonts w:eastAsia="Times New Roman"/>
                <w:sz w:val="22"/>
                <w:szCs w:val="22"/>
              </w:rPr>
              <w:t>Participant choice</w:t>
            </w:r>
          </w:p>
        </w:tc>
        <w:tc>
          <w:tcPr>
            <w:tcW w:w="819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E98886A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2 (6.3)</w:t>
            </w:r>
          </w:p>
        </w:tc>
        <w:tc>
          <w:tcPr>
            <w:tcW w:w="77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CB63A61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1 (2.6)</w:t>
            </w:r>
          </w:p>
        </w:tc>
      </w:tr>
      <w:tr w:rsidR="00A21121" w:rsidRPr="00A21121" w14:paraId="279BCDE5" w14:textId="77777777" w:rsidTr="00A21121">
        <w:trPr>
          <w:trHeight w:val="300"/>
        </w:trPr>
        <w:tc>
          <w:tcPr>
            <w:tcW w:w="4405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9F1679B" w14:textId="77777777" w:rsidR="00A21121" w:rsidRPr="00A21121" w:rsidRDefault="00A21121" w:rsidP="00A21121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21121">
              <w:rPr>
                <w:rFonts w:eastAsia="Times New Roman"/>
                <w:sz w:val="22"/>
                <w:szCs w:val="22"/>
              </w:rPr>
              <w:t>Non-compliance</w:t>
            </w:r>
          </w:p>
        </w:tc>
        <w:tc>
          <w:tcPr>
            <w:tcW w:w="819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D2094F4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77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5FF20D9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2 (5.3)</w:t>
            </w:r>
          </w:p>
        </w:tc>
      </w:tr>
      <w:tr w:rsidR="00A21121" w:rsidRPr="00A21121" w14:paraId="2AA2BFE8" w14:textId="77777777" w:rsidTr="00A21121">
        <w:trPr>
          <w:trHeight w:val="300"/>
        </w:trPr>
        <w:tc>
          <w:tcPr>
            <w:tcW w:w="4405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F36925A" w14:textId="77777777" w:rsidR="00A21121" w:rsidRPr="00A21121" w:rsidRDefault="00A21121" w:rsidP="00A21121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21121">
              <w:rPr>
                <w:rFonts w:eastAsia="Times New Roman"/>
                <w:sz w:val="22"/>
                <w:szCs w:val="22"/>
              </w:rPr>
              <w:t>Incorrect enrolment</w:t>
            </w:r>
          </w:p>
        </w:tc>
        <w:tc>
          <w:tcPr>
            <w:tcW w:w="819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B99371A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1 (3.1)</w:t>
            </w:r>
          </w:p>
        </w:tc>
        <w:tc>
          <w:tcPr>
            <w:tcW w:w="77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FE3A0F6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A21121" w:rsidRPr="00A21121" w14:paraId="5F96B035" w14:textId="77777777" w:rsidTr="00A21121">
        <w:trPr>
          <w:trHeight w:val="300"/>
        </w:trPr>
        <w:tc>
          <w:tcPr>
            <w:tcW w:w="4405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0A8E625" w14:textId="77777777" w:rsidR="00A21121" w:rsidRPr="00A21121" w:rsidRDefault="00A21121" w:rsidP="00A21121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21121">
              <w:rPr>
                <w:rFonts w:eastAsia="Times New Roman"/>
                <w:sz w:val="22"/>
                <w:szCs w:val="22"/>
              </w:rPr>
              <w:t>Maximum number of dose interruptions reached</w:t>
            </w:r>
          </w:p>
        </w:tc>
        <w:tc>
          <w:tcPr>
            <w:tcW w:w="819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A92027E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77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E766893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1 (2.6)</w:t>
            </w:r>
          </w:p>
        </w:tc>
      </w:tr>
      <w:tr w:rsidR="00A21121" w:rsidRPr="00A21121" w14:paraId="479AA9A2" w14:textId="77777777" w:rsidTr="00A21121">
        <w:trPr>
          <w:trHeight w:val="300"/>
        </w:trPr>
        <w:tc>
          <w:tcPr>
            <w:tcW w:w="4405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2F2D52B" w14:textId="77777777" w:rsidR="00A21121" w:rsidRPr="00A21121" w:rsidRDefault="00A21121" w:rsidP="00A21121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21121">
              <w:rPr>
                <w:rFonts w:eastAsia="Times New Roman"/>
                <w:sz w:val="22"/>
                <w:szCs w:val="22"/>
              </w:rPr>
              <w:t>Pneumonitis, fatigue</w:t>
            </w:r>
          </w:p>
        </w:tc>
        <w:tc>
          <w:tcPr>
            <w:tcW w:w="819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8E8AC63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1 (3.1)</w:t>
            </w:r>
          </w:p>
        </w:tc>
        <w:tc>
          <w:tcPr>
            <w:tcW w:w="77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12A1CAC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A21121" w:rsidRPr="00A21121" w14:paraId="44FA4909" w14:textId="77777777" w:rsidTr="00A21121">
        <w:trPr>
          <w:trHeight w:val="315"/>
        </w:trPr>
        <w:tc>
          <w:tcPr>
            <w:tcW w:w="4405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36A79B5" w14:textId="77777777" w:rsidR="00A21121" w:rsidRPr="00A21121" w:rsidRDefault="00A21121" w:rsidP="00A21121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21121">
              <w:rPr>
                <w:rFonts w:eastAsia="Times New Roman"/>
                <w:sz w:val="22"/>
                <w:szCs w:val="22"/>
              </w:rPr>
              <w:t>Total</w:t>
            </w:r>
          </w:p>
        </w:tc>
        <w:tc>
          <w:tcPr>
            <w:tcW w:w="819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6CBC920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32 (100.0)</w:t>
            </w:r>
          </w:p>
        </w:tc>
        <w:tc>
          <w:tcPr>
            <w:tcW w:w="77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2EFCF8F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38 (100.0)</w:t>
            </w:r>
          </w:p>
        </w:tc>
      </w:tr>
      <w:tr w:rsidR="00A21121" w:rsidRPr="00A21121" w14:paraId="73BC331B" w14:textId="77777777" w:rsidTr="00A21121">
        <w:trPr>
          <w:trHeight w:val="300"/>
        </w:trPr>
        <w:tc>
          <w:tcPr>
            <w:tcW w:w="4405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0D0BEEE" w14:textId="77777777" w:rsidR="00A21121" w:rsidRPr="00A21121" w:rsidRDefault="00A21121" w:rsidP="00A21121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A21121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Death - </w:t>
            </w:r>
            <w:proofErr w:type="gramStart"/>
            <w:r w:rsidRPr="00A21121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N(</w:t>
            </w:r>
            <w:proofErr w:type="gramEnd"/>
            <w:r w:rsidRPr="00A21121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%)</w:t>
            </w:r>
          </w:p>
        </w:tc>
        <w:tc>
          <w:tcPr>
            <w:tcW w:w="819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3398713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773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0FFE336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A21121" w:rsidRPr="00A21121" w14:paraId="13515DA8" w14:textId="77777777" w:rsidTr="00A21121">
        <w:trPr>
          <w:trHeight w:val="300"/>
        </w:trPr>
        <w:tc>
          <w:tcPr>
            <w:tcW w:w="4405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6017E43" w14:textId="77777777" w:rsidR="00A21121" w:rsidRPr="00A21121" w:rsidRDefault="00A21121" w:rsidP="00A21121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21121">
              <w:rPr>
                <w:rFonts w:eastAsia="Times New Roman"/>
                <w:sz w:val="22"/>
                <w:szCs w:val="22"/>
              </w:rPr>
              <w:t>Disease progression</w:t>
            </w:r>
          </w:p>
        </w:tc>
        <w:tc>
          <w:tcPr>
            <w:tcW w:w="819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2557B20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15 (46.9)</w:t>
            </w:r>
          </w:p>
        </w:tc>
        <w:tc>
          <w:tcPr>
            <w:tcW w:w="77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461499A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20 (52.6)</w:t>
            </w:r>
          </w:p>
        </w:tc>
      </w:tr>
      <w:tr w:rsidR="00A21121" w:rsidRPr="00A21121" w14:paraId="7374A5BC" w14:textId="77777777" w:rsidTr="00A21121">
        <w:trPr>
          <w:trHeight w:val="600"/>
        </w:trPr>
        <w:tc>
          <w:tcPr>
            <w:tcW w:w="4405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382BF2A" w14:textId="77777777" w:rsidR="00A21121" w:rsidRPr="00A21121" w:rsidRDefault="00A21121" w:rsidP="00A21121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21121">
              <w:rPr>
                <w:rFonts w:eastAsia="Times New Roman"/>
                <w:sz w:val="22"/>
                <w:szCs w:val="22"/>
              </w:rPr>
              <w:t>Treatment related toxicity</w:t>
            </w:r>
          </w:p>
        </w:tc>
        <w:tc>
          <w:tcPr>
            <w:tcW w:w="819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9EC6C86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77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E0C2859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A21121" w:rsidRPr="00A21121" w14:paraId="35A969FF" w14:textId="77777777" w:rsidTr="00A21121">
        <w:trPr>
          <w:trHeight w:val="300"/>
        </w:trPr>
        <w:tc>
          <w:tcPr>
            <w:tcW w:w="4405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D072178" w14:textId="77777777" w:rsidR="00A21121" w:rsidRPr="00A21121" w:rsidRDefault="00A21121" w:rsidP="00A21121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21121">
              <w:rPr>
                <w:rFonts w:eastAsia="Times New Roman"/>
                <w:sz w:val="22"/>
                <w:szCs w:val="22"/>
              </w:rPr>
              <w:t>Central chest pain</w:t>
            </w:r>
          </w:p>
        </w:tc>
        <w:tc>
          <w:tcPr>
            <w:tcW w:w="819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59BE251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77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8462293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1 (2.6)</w:t>
            </w:r>
          </w:p>
        </w:tc>
      </w:tr>
      <w:tr w:rsidR="00A21121" w:rsidRPr="00A21121" w14:paraId="086CE4C6" w14:textId="77777777" w:rsidTr="00A21121">
        <w:trPr>
          <w:trHeight w:val="300"/>
        </w:trPr>
        <w:tc>
          <w:tcPr>
            <w:tcW w:w="4405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F543A92" w14:textId="77777777" w:rsidR="00A21121" w:rsidRPr="00A21121" w:rsidRDefault="00A21121" w:rsidP="00A21121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21121">
              <w:rPr>
                <w:rFonts w:eastAsia="Times New Roman"/>
                <w:sz w:val="22"/>
                <w:szCs w:val="22"/>
              </w:rPr>
              <w:t>Not known</w:t>
            </w:r>
          </w:p>
        </w:tc>
        <w:tc>
          <w:tcPr>
            <w:tcW w:w="819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D57D233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3 (9.4)</w:t>
            </w:r>
          </w:p>
        </w:tc>
        <w:tc>
          <w:tcPr>
            <w:tcW w:w="773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D27BC3A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4 (10.5)</w:t>
            </w:r>
          </w:p>
        </w:tc>
      </w:tr>
      <w:tr w:rsidR="00A21121" w:rsidRPr="00A21121" w14:paraId="3F83252F" w14:textId="77777777" w:rsidTr="00A21121">
        <w:trPr>
          <w:trHeight w:val="315"/>
        </w:trPr>
        <w:tc>
          <w:tcPr>
            <w:tcW w:w="4405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4914264" w14:textId="77777777" w:rsidR="00A21121" w:rsidRPr="00A21121" w:rsidRDefault="00A21121" w:rsidP="00A21121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A21121">
              <w:rPr>
                <w:rFonts w:eastAsia="Times New Roman"/>
                <w:sz w:val="22"/>
                <w:szCs w:val="22"/>
              </w:rPr>
              <w:t>Total</w:t>
            </w:r>
          </w:p>
        </w:tc>
        <w:tc>
          <w:tcPr>
            <w:tcW w:w="819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3ACD496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18 (56.3)</w:t>
            </w:r>
          </w:p>
        </w:tc>
        <w:tc>
          <w:tcPr>
            <w:tcW w:w="77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8646BA9" w14:textId="77777777" w:rsidR="00A21121" w:rsidRPr="00A21121" w:rsidRDefault="00A21121" w:rsidP="00A21121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A21121">
              <w:rPr>
                <w:rFonts w:eastAsia="Times New Roman"/>
                <w:sz w:val="18"/>
                <w:szCs w:val="18"/>
              </w:rPr>
              <w:t>25 (65.8)</w:t>
            </w:r>
          </w:p>
        </w:tc>
      </w:tr>
    </w:tbl>
    <w:p w14:paraId="68F459E2" w14:textId="01291C28" w:rsidR="00A21121" w:rsidRDefault="00A21121" w:rsidP="00A21121">
      <w:pPr>
        <w:rPr>
          <w:lang w:eastAsia="en-US"/>
        </w:rPr>
      </w:pPr>
    </w:p>
    <w:p w14:paraId="2129D0F9" w14:textId="77777777" w:rsidR="00A21121" w:rsidRPr="00311D97" w:rsidRDefault="00A21121" w:rsidP="00DB7731"/>
    <w:p w14:paraId="12F47E08" w14:textId="2FBE84CE" w:rsidR="007A5F6E" w:rsidRDefault="007A5F6E" w:rsidP="00EC5B6A">
      <w:pPr>
        <w:rPr>
          <w:lang w:eastAsia="en-US"/>
        </w:rPr>
      </w:pPr>
      <w:r>
        <w:rPr>
          <w:lang w:eastAsia="en-US"/>
        </w:rPr>
        <w:br w:type="page"/>
      </w:r>
    </w:p>
    <w:p w14:paraId="3BE6E4AE" w14:textId="2B8B4D21" w:rsidR="007A5F6E" w:rsidRDefault="007A5F6E" w:rsidP="007A5F6E">
      <w:pPr>
        <w:pStyle w:val="Caption"/>
        <w:keepNext/>
      </w:pPr>
      <w:r>
        <w:lastRenderedPageBreak/>
        <w:t xml:space="preserve">Table </w:t>
      </w:r>
      <w:r>
        <w:fldChar w:fldCharType="begin"/>
      </w:r>
      <w:r>
        <w:instrText xml:space="preserve"> SEQ Table \* ARABIC </w:instrText>
      </w:r>
      <w:r>
        <w:fldChar w:fldCharType="separate"/>
      </w:r>
      <w:r w:rsidR="00970777">
        <w:rPr>
          <w:noProof/>
        </w:rPr>
        <w:t>15</w:t>
      </w:r>
      <w:r>
        <w:fldChar w:fldCharType="end"/>
      </w:r>
      <w:r>
        <w:t>: EudraCT reportable non-serious adverse events</w:t>
      </w:r>
    </w:p>
    <w:tbl>
      <w:tblPr>
        <w:tblW w:w="6540" w:type="dxa"/>
        <w:tblLook w:val="04A0" w:firstRow="1" w:lastRow="0" w:firstColumn="1" w:lastColumn="0" w:noHBand="0" w:noVBand="1"/>
      </w:tblPr>
      <w:tblGrid>
        <w:gridCol w:w="2700"/>
        <w:gridCol w:w="960"/>
        <w:gridCol w:w="960"/>
        <w:gridCol w:w="1002"/>
        <w:gridCol w:w="918"/>
      </w:tblGrid>
      <w:tr w:rsidR="000B3074" w:rsidRPr="000B3074" w14:paraId="1DCFBCCC" w14:textId="77777777" w:rsidTr="000B3074">
        <w:trPr>
          <w:cantSplit/>
          <w:trHeight w:val="1500"/>
          <w:tblHeader/>
        </w:trPr>
        <w:tc>
          <w:tcPr>
            <w:tcW w:w="27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99141E0" w14:textId="77777777" w:rsidR="000B3074" w:rsidRPr="000B3074" w:rsidRDefault="000B3074" w:rsidP="000B307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Table </w:t>
            </w:r>
            <w:proofErr w:type="gramStart"/>
            <w:r w:rsidRPr="000B307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15 :</w:t>
            </w:r>
            <w:proofErr w:type="gramEnd"/>
            <w:r w:rsidRPr="000B307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 EudraCT reportable non-serious adverse events (&gt;5% of patients experience the AE)</w:t>
            </w:r>
          </w:p>
        </w:tc>
        <w:tc>
          <w:tcPr>
            <w:tcW w:w="192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34990B23" w14:textId="77777777" w:rsidR="000B3074" w:rsidRPr="000B3074" w:rsidRDefault="000B3074" w:rsidP="000B3074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Subjects - </w:t>
            </w:r>
            <w:proofErr w:type="gramStart"/>
            <w:r w:rsidRPr="000B307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N(</w:t>
            </w:r>
            <w:proofErr w:type="gramEnd"/>
            <w:r w:rsidRPr="000B307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%)</w:t>
            </w:r>
          </w:p>
        </w:tc>
        <w:tc>
          <w:tcPr>
            <w:tcW w:w="192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6E4D129B" w14:textId="77777777" w:rsidR="000B3074" w:rsidRPr="000B3074" w:rsidRDefault="000B3074" w:rsidP="000B3074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Occurrences - </w:t>
            </w:r>
            <w:proofErr w:type="gramStart"/>
            <w:r w:rsidRPr="000B307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N(</w:t>
            </w:r>
            <w:proofErr w:type="gramEnd"/>
            <w:r w:rsidRPr="000B307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%)</w:t>
            </w:r>
          </w:p>
        </w:tc>
      </w:tr>
      <w:tr w:rsidR="000B3074" w:rsidRPr="000B3074" w14:paraId="49C3C305" w14:textId="77777777" w:rsidTr="000B3074">
        <w:trPr>
          <w:cantSplit/>
          <w:trHeight w:val="300"/>
          <w:tblHeader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58A9495" w14:textId="77777777" w:rsidR="000B3074" w:rsidRPr="000B3074" w:rsidRDefault="000B3074" w:rsidP="000B307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 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72F3FD" w14:textId="77777777" w:rsidR="000B3074" w:rsidRPr="000B3074" w:rsidRDefault="000B3074" w:rsidP="000B307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5072547" w14:textId="77777777" w:rsidR="000B3074" w:rsidRPr="000B3074" w:rsidRDefault="000B3074" w:rsidP="000B307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E2DCBB6" w14:textId="77777777" w:rsidR="000B3074" w:rsidRPr="000B3074" w:rsidRDefault="000B3074" w:rsidP="000B307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DED0ACA" w14:textId="77777777" w:rsidR="000B3074" w:rsidRPr="000B3074" w:rsidRDefault="000B3074" w:rsidP="000B307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</w:tr>
      <w:tr w:rsidR="000B3074" w:rsidRPr="000B3074" w14:paraId="48CA8AB9" w14:textId="77777777" w:rsidTr="000B3074">
        <w:trPr>
          <w:cantSplit/>
          <w:trHeight w:val="315"/>
          <w:tblHeader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61D7646" w14:textId="77777777" w:rsidR="000B3074" w:rsidRPr="000B3074" w:rsidRDefault="000B3074" w:rsidP="000B307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 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34F4500" w14:textId="77777777" w:rsidR="000B3074" w:rsidRPr="000B3074" w:rsidRDefault="000B3074" w:rsidP="000B307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31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3170EA7" w14:textId="77777777" w:rsidR="000B3074" w:rsidRPr="000B3074" w:rsidRDefault="000B3074" w:rsidP="000B307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38</w:t>
            </w:r>
          </w:p>
        </w:tc>
        <w:tc>
          <w:tcPr>
            <w:tcW w:w="10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69A0DF5" w14:textId="77777777" w:rsidR="000B3074" w:rsidRPr="000B3074" w:rsidRDefault="000B3074" w:rsidP="000B307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31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F16626B" w14:textId="77777777" w:rsidR="000B3074" w:rsidRPr="000B3074" w:rsidRDefault="000B3074" w:rsidP="000B3074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38</w:t>
            </w:r>
          </w:p>
        </w:tc>
      </w:tr>
      <w:tr w:rsidR="000B3074" w:rsidRPr="000B3074" w14:paraId="186FF8B8" w14:textId="77777777" w:rsidTr="000B3074">
        <w:trPr>
          <w:trHeight w:val="600"/>
        </w:trPr>
        <w:tc>
          <w:tcPr>
            <w:tcW w:w="27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D38ABC2" w14:textId="77777777" w:rsidR="000B3074" w:rsidRPr="000B3074" w:rsidRDefault="000B3074" w:rsidP="000B307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Blood and lymphatic system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21EF12" w14:textId="77777777" w:rsidR="000B3074" w:rsidRPr="000B3074" w:rsidRDefault="000B3074" w:rsidP="000B307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ADD44DB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5A74BB1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E0F9FBD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0B3074" w:rsidRPr="000B3074" w14:paraId="11D1BED2" w14:textId="77777777" w:rsidTr="000B3074">
        <w:trPr>
          <w:trHeight w:val="300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AA56344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Anaemia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DDF8ED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5 (48.4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FA3720A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0 (26.3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5AD095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45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300D3FF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26</w:t>
            </w:r>
          </w:p>
        </w:tc>
      </w:tr>
      <w:tr w:rsidR="000B3074" w:rsidRPr="000B3074" w14:paraId="76B4A24B" w14:textId="77777777" w:rsidTr="000B3074">
        <w:trPr>
          <w:trHeight w:val="300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6924852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Lymphopenia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ED36F3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2 (6.5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B61D4DB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2 (5.3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2FA176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7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55205C8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2</w:t>
            </w:r>
          </w:p>
        </w:tc>
      </w:tr>
      <w:tr w:rsidR="000B3074" w:rsidRPr="000B3074" w14:paraId="65CBAFB2" w14:textId="77777777" w:rsidTr="000B3074">
        <w:trPr>
          <w:trHeight w:val="300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AC312E2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Neutropenia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8B8107C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4 (12.9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85D6194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754069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6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A34C739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0</w:t>
            </w:r>
          </w:p>
        </w:tc>
      </w:tr>
      <w:tr w:rsidR="000B3074" w:rsidRPr="000B3074" w14:paraId="553E6D3A" w14:textId="77777777" w:rsidTr="000B3074">
        <w:trPr>
          <w:trHeight w:val="315"/>
        </w:trPr>
        <w:tc>
          <w:tcPr>
            <w:tcW w:w="27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2201F46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Thrombocytopenia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55C9194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4 (12.9)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B49A9BE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 (2.6)</w:t>
            </w:r>
          </w:p>
        </w:tc>
        <w:tc>
          <w:tcPr>
            <w:tcW w:w="10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401A2BC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2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DCCCF6E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3</w:t>
            </w:r>
          </w:p>
        </w:tc>
      </w:tr>
      <w:tr w:rsidR="000B3074" w:rsidRPr="000B3074" w14:paraId="4EC49B4C" w14:textId="77777777" w:rsidTr="000B3074">
        <w:trPr>
          <w:trHeight w:val="300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6F121BC" w14:textId="77777777" w:rsidR="000B3074" w:rsidRPr="000B3074" w:rsidRDefault="000B3074" w:rsidP="000B307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Cardiac disorders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A81710" w14:textId="77777777" w:rsidR="000B3074" w:rsidRPr="000B3074" w:rsidRDefault="000B3074" w:rsidP="000B307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A89C4FC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56E146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A0CF94C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0B3074" w:rsidRPr="000B3074" w14:paraId="77B8F5BF" w14:textId="77777777" w:rsidTr="000B3074">
        <w:trPr>
          <w:trHeight w:val="315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7867F69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Tachycardia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DD2BFF4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2 (6.5)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91AC132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2 (5.3)</w:t>
            </w:r>
          </w:p>
        </w:tc>
        <w:tc>
          <w:tcPr>
            <w:tcW w:w="10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2724E90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2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63CDB61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3</w:t>
            </w:r>
          </w:p>
        </w:tc>
      </w:tr>
      <w:tr w:rsidR="000B3074" w:rsidRPr="000B3074" w14:paraId="481D5EEB" w14:textId="77777777" w:rsidTr="000B3074">
        <w:trPr>
          <w:trHeight w:val="300"/>
        </w:trPr>
        <w:tc>
          <w:tcPr>
            <w:tcW w:w="27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DB8949B" w14:textId="77777777" w:rsidR="000B3074" w:rsidRPr="000B3074" w:rsidRDefault="000B3074" w:rsidP="000B307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Gastrointestinal disorders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29A74A" w14:textId="77777777" w:rsidR="000B3074" w:rsidRPr="000B3074" w:rsidRDefault="000B3074" w:rsidP="000B307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203CFCC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747A026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1D79FE2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0B3074" w:rsidRPr="000B3074" w14:paraId="385E664C" w14:textId="77777777" w:rsidTr="000B3074">
        <w:trPr>
          <w:trHeight w:val="300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9CF3198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Constipation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AE64FF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4 (12.9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96536C6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4 (10.5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F2FCE1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9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6DC315C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7</w:t>
            </w:r>
          </w:p>
        </w:tc>
      </w:tr>
      <w:tr w:rsidR="000B3074" w:rsidRPr="000B3074" w14:paraId="2D499A3F" w14:textId="77777777" w:rsidTr="000B3074">
        <w:trPr>
          <w:trHeight w:val="300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8873D37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Diarrhoea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7442506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4 (12.9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C4D19F1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7 (18.4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E90653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2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AA4547A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2</w:t>
            </w:r>
          </w:p>
        </w:tc>
      </w:tr>
      <w:tr w:rsidR="000B3074" w:rsidRPr="000B3074" w14:paraId="0307DA1A" w14:textId="77777777" w:rsidTr="000B3074">
        <w:trPr>
          <w:trHeight w:val="300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BAF3920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Dry mouth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2F8374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 (3.2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5D2B250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4 (10.5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F0F713E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E782A9F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5</w:t>
            </w:r>
          </w:p>
        </w:tc>
      </w:tr>
      <w:tr w:rsidR="000B3074" w:rsidRPr="000B3074" w14:paraId="15895035" w14:textId="77777777" w:rsidTr="000B3074">
        <w:trPr>
          <w:trHeight w:val="300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F46BDBB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Dyspepsia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7E9A82C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3 (9.7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9E5666B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7 (18.4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96E6D3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821D8DD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3</w:t>
            </w:r>
          </w:p>
        </w:tc>
      </w:tr>
      <w:tr w:rsidR="000B3074" w:rsidRPr="000B3074" w14:paraId="3DFE0D5B" w14:textId="77777777" w:rsidTr="000B3074">
        <w:trPr>
          <w:trHeight w:val="300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FD6C464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Flatulence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390093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 (3.2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ED7F5DA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5 (13.2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FF55C9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78AAC3B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3</w:t>
            </w:r>
          </w:p>
        </w:tc>
      </w:tr>
      <w:tr w:rsidR="000B3074" w:rsidRPr="000B3074" w14:paraId="3B449249" w14:textId="77777777" w:rsidTr="000B3074">
        <w:trPr>
          <w:trHeight w:val="300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6531F31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Nausea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E09169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7 (54.8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B375797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1 (28.9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280BA7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44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C53F0AA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21</w:t>
            </w:r>
          </w:p>
        </w:tc>
      </w:tr>
      <w:tr w:rsidR="000B3074" w:rsidRPr="000B3074" w14:paraId="6F36935D" w14:textId="77777777" w:rsidTr="000B3074">
        <w:trPr>
          <w:trHeight w:val="315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0ACBCFB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Vomiting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DDAC772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7 (22.6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D222739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4 (10.5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478222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7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C5836AE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5</w:t>
            </w:r>
          </w:p>
        </w:tc>
      </w:tr>
      <w:tr w:rsidR="000B3074" w:rsidRPr="000B3074" w14:paraId="57825507" w14:textId="77777777" w:rsidTr="000B3074">
        <w:trPr>
          <w:trHeight w:val="900"/>
        </w:trPr>
        <w:tc>
          <w:tcPr>
            <w:tcW w:w="27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BC0550B" w14:textId="77777777" w:rsidR="000B3074" w:rsidRPr="000B3074" w:rsidRDefault="000B3074" w:rsidP="000B307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General disorders and administration site conditions</w:t>
            </w:r>
          </w:p>
        </w:tc>
        <w:tc>
          <w:tcPr>
            <w:tcW w:w="96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8B3D05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6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4B0C13B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BF1DB29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8718EDC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0B3074" w:rsidRPr="000B3074" w14:paraId="45E8F3AD" w14:textId="77777777" w:rsidTr="000B3074">
        <w:trPr>
          <w:trHeight w:val="300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E04D5D8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Fatigue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A8C9350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20 (64.5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DFC47B7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25 (65.8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25827A6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5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AF5E1EB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66</w:t>
            </w:r>
          </w:p>
        </w:tc>
      </w:tr>
      <w:tr w:rsidR="000B3074" w:rsidRPr="000B3074" w14:paraId="7E169BA7" w14:textId="77777777" w:rsidTr="000B3074">
        <w:trPr>
          <w:trHeight w:val="315"/>
        </w:trPr>
        <w:tc>
          <w:tcPr>
            <w:tcW w:w="27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4D8FEB4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Oedema peripheral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63B00479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3 (9.7)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2A881ED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4 (10.5)</w:t>
            </w:r>
          </w:p>
        </w:tc>
        <w:tc>
          <w:tcPr>
            <w:tcW w:w="10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58D577C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8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A620996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6</w:t>
            </w:r>
          </w:p>
        </w:tc>
      </w:tr>
      <w:tr w:rsidR="000B3074" w:rsidRPr="000B3074" w14:paraId="2BEA2DB4" w14:textId="77777777" w:rsidTr="000B3074">
        <w:trPr>
          <w:trHeight w:val="300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45E3F8B" w14:textId="77777777" w:rsidR="000B3074" w:rsidRPr="000B3074" w:rsidRDefault="000B3074" w:rsidP="000B307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Infections and infestations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B8844C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7B8386B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592E6C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556BF00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0B3074" w:rsidRPr="000B3074" w14:paraId="18750A0B" w14:textId="77777777" w:rsidTr="000B3074">
        <w:trPr>
          <w:trHeight w:val="315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1E82FE6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Upper respiratory infection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827EC5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4 (12.9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0461AD7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5 (13.2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808AB1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7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A5560F2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9</w:t>
            </w:r>
          </w:p>
        </w:tc>
      </w:tr>
      <w:tr w:rsidR="000B3074" w:rsidRPr="000B3074" w14:paraId="17FCB96D" w14:textId="77777777" w:rsidTr="000B3074">
        <w:trPr>
          <w:trHeight w:val="600"/>
        </w:trPr>
        <w:tc>
          <w:tcPr>
            <w:tcW w:w="27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D0F1193" w14:textId="77777777" w:rsidR="000B3074" w:rsidRPr="000B3074" w:rsidRDefault="000B3074" w:rsidP="000B307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Metabolism and nutrition disorders</w:t>
            </w:r>
          </w:p>
        </w:tc>
        <w:tc>
          <w:tcPr>
            <w:tcW w:w="96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221C7B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6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5AB59A1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99A18C8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7B57956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0B3074" w:rsidRPr="000B3074" w14:paraId="330C0B6F" w14:textId="77777777" w:rsidTr="000B3074">
        <w:trPr>
          <w:trHeight w:val="300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56254A0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Anorexia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5569A6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1 (35.5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FC2D1E2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2 (31.6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FA9701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22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B7FDB47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21</w:t>
            </w:r>
          </w:p>
        </w:tc>
      </w:tr>
      <w:tr w:rsidR="000B3074" w:rsidRPr="000B3074" w14:paraId="6FE04E14" w14:textId="77777777" w:rsidTr="000B3074">
        <w:trPr>
          <w:trHeight w:val="315"/>
        </w:trPr>
        <w:tc>
          <w:tcPr>
            <w:tcW w:w="27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01F7697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Hyponatremia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21573D3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3 (9.7)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C090799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2 (5.3)</w:t>
            </w:r>
          </w:p>
        </w:tc>
        <w:tc>
          <w:tcPr>
            <w:tcW w:w="10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17536ED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8C8F15D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3</w:t>
            </w:r>
          </w:p>
        </w:tc>
      </w:tr>
      <w:tr w:rsidR="000B3074" w:rsidRPr="000B3074" w14:paraId="6D8CC00B" w14:textId="77777777" w:rsidTr="000B3074">
        <w:trPr>
          <w:trHeight w:val="600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B20588B" w14:textId="77777777" w:rsidR="000B3074" w:rsidRPr="000B3074" w:rsidRDefault="000B3074" w:rsidP="000B307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Musculoskeletal and connective tissue disorders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F188F6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720359C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9B57F68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2E59B89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0B3074" w:rsidRPr="000B3074" w14:paraId="18D4C1BA" w14:textId="77777777" w:rsidTr="000B3074">
        <w:trPr>
          <w:trHeight w:val="300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BB047C7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Arthralgia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4BE78C8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3 (9.7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A2C622D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2 (5.3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BF4A29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4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C8D03BB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3</w:t>
            </w:r>
          </w:p>
        </w:tc>
      </w:tr>
      <w:tr w:rsidR="000B3074" w:rsidRPr="000B3074" w14:paraId="389A943A" w14:textId="77777777" w:rsidTr="000B3074">
        <w:trPr>
          <w:trHeight w:val="300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518B72A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Back pain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37A1C0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5 (16.1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144EDE9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8 (21.1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C67CF1A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6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580C88E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0</w:t>
            </w:r>
          </w:p>
        </w:tc>
      </w:tr>
      <w:tr w:rsidR="000B3074" w:rsidRPr="000B3074" w14:paraId="1CAD563A" w14:textId="77777777" w:rsidTr="000B3074">
        <w:trPr>
          <w:trHeight w:val="300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D354818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Dizziness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1B7E16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6 (19.4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9C0E2C3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3 (7.9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C84BB3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6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A0CEB58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3</w:t>
            </w:r>
          </w:p>
        </w:tc>
      </w:tr>
      <w:tr w:rsidR="000B3074" w:rsidRPr="000B3074" w14:paraId="095B4E29" w14:textId="77777777" w:rsidTr="000B3074">
        <w:trPr>
          <w:trHeight w:val="315"/>
        </w:trPr>
        <w:tc>
          <w:tcPr>
            <w:tcW w:w="27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0D1BEF2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lastRenderedPageBreak/>
              <w:t>Headache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9971584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6 (19.4)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4214D5B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6 (15.8)</w:t>
            </w:r>
          </w:p>
        </w:tc>
        <w:tc>
          <w:tcPr>
            <w:tcW w:w="10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CA1852F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8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B7F2FD7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6</w:t>
            </w:r>
          </w:p>
        </w:tc>
      </w:tr>
      <w:tr w:rsidR="000B3074" w:rsidRPr="000B3074" w14:paraId="64735BCF" w14:textId="77777777" w:rsidTr="000B3074">
        <w:trPr>
          <w:trHeight w:val="300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ED22289" w14:textId="77777777" w:rsidR="000B3074" w:rsidRPr="000B3074" w:rsidRDefault="000B3074" w:rsidP="000B307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Psychiatric disorders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83989E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982BDBE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B5DB6A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6AF76F5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0B3074" w:rsidRPr="000B3074" w14:paraId="395687E4" w14:textId="77777777" w:rsidTr="000B3074">
        <w:trPr>
          <w:trHeight w:val="315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89606FD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Insomnia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96FC3D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2 (6.5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1579251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6 (15.8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7950578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9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AFF907A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8</w:t>
            </w:r>
          </w:p>
        </w:tc>
      </w:tr>
      <w:tr w:rsidR="000B3074" w:rsidRPr="000B3074" w14:paraId="333A6E06" w14:textId="77777777" w:rsidTr="000B3074">
        <w:trPr>
          <w:trHeight w:val="600"/>
        </w:trPr>
        <w:tc>
          <w:tcPr>
            <w:tcW w:w="27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7A7FB23" w14:textId="77777777" w:rsidR="000B3074" w:rsidRPr="000B3074" w:rsidRDefault="000B3074" w:rsidP="000B307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Respiratory, thoracic and mediastinal disorders</w:t>
            </w:r>
          </w:p>
        </w:tc>
        <w:tc>
          <w:tcPr>
            <w:tcW w:w="96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5A483B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6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C91C318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EF64A61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9906332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0B3074" w:rsidRPr="000B3074" w14:paraId="382F9232" w14:textId="77777777" w:rsidTr="000B3074">
        <w:trPr>
          <w:trHeight w:val="300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39BB591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Coughing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7917043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1 (35.5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18CAC74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22 (57.9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CC0D07C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33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C0ADF91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47</w:t>
            </w:r>
          </w:p>
        </w:tc>
      </w:tr>
      <w:tr w:rsidR="000B3074" w:rsidRPr="000B3074" w14:paraId="1866C92C" w14:textId="77777777" w:rsidTr="000B3074">
        <w:trPr>
          <w:trHeight w:val="315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4085DCF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Dyspnoea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039948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3 (41.9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51C12C8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5 (39.5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096243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28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00B9BDA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35</w:t>
            </w:r>
          </w:p>
        </w:tc>
      </w:tr>
      <w:tr w:rsidR="000B3074" w:rsidRPr="000B3074" w14:paraId="3816F678" w14:textId="77777777" w:rsidTr="000B3074">
        <w:trPr>
          <w:trHeight w:val="600"/>
        </w:trPr>
        <w:tc>
          <w:tcPr>
            <w:tcW w:w="27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A4061B2" w14:textId="77777777" w:rsidR="000B3074" w:rsidRPr="000B3074" w:rsidRDefault="000B3074" w:rsidP="000B307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Skin and subcutaneous tissue disorders</w:t>
            </w:r>
          </w:p>
        </w:tc>
        <w:tc>
          <w:tcPr>
            <w:tcW w:w="96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2F0B2CB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6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707FA5F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81D0C8B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D76F80D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0B3074" w:rsidRPr="000B3074" w14:paraId="26F3BF3A" w14:textId="77777777" w:rsidTr="000B3074">
        <w:trPr>
          <w:trHeight w:val="300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3FA3B13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Alopecia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1B92DCF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3 (9.7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81F12E1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2 (5.3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23E974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3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BBFC4F6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</w:t>
            </w:r>
          </w:p>
        </w:tc>
      </w:tr>
      <w:tr w:rsidR="000B3074" w:rsidRPr="000B3074" w14:paraId="6552D5E6" w14:textId="77777777" w:rsidTr="000B3074">
        <w:trPr>
          <w:trHeight w:val="315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FFBCDD6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Rash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A148CAB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4 (12.9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16554C2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3 (7.9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71921B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AFF0AEC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3</w:t>
            </w:r>
          </w:p>
        </w:tc>
      </w:tr>
      <w:tr w:rsidR="000B3074" w:rsidRPr="000B3074" w14:paraId="0017F009" w14:textId="77777777" w:rsidTr="000B3074">
        <w:trPr>
          <w:trHeight w:val="600"/>
        </w:trPr>
        <w:tc>
          <w:tcPr>
            <w:tcW w:w="270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5E4D469" w14:textId="77777777" w:rsidR="000B3074" w:rsidRPr="000B3074" w:rsidRDefault="000B3074" w:rsidP="000B3074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0B3074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Neoplasms benign, malignant and unspecified</w:t>
            </w:r>
          </w:p>
        </w:tc>
        <w:tc>
          <w:tcPr>
            <w:tcW w:w="960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B5A3A7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60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153F98A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D98DBA1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C2E87AD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0B3074" w:rsidRPr="000B3074" w14:paraId="490A85E4" w14:textId="77777777" w:rsidTr="000B3074">
        <w:trPr>
          <w:trHeight w:val="300"/>
        </w:trPr>
        <w:tc>
          <w:tcPr>
            <w:tcW w:w="270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1604A3C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Pruritis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60CA5C8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3 (9.7)</w:t>
            </w:r>
          </w:p>
        </w:tc>
        <w:tc>
          <w:tcPr>
            <w:tcW w:w="960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E40C3CC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2 (5.3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5A4304A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0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6DD7627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2</w:t>
            </w:r>
          </w:p>
        </w:tc>
      </w:tr>
      <w:tr w:rsidR="000B3074" w:rsidRPr="000B3074" w14:paraId="63F56396" w14:textId="77777777" w:rsidTr="000B3074">
        <w:trPr>
          <w:trHeight w:val="315"/>
        </w:trPr>
        <w:tc>
          <w:tcPr>
            <w:tcW w:w="270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3BF5FDC" w14:textId="77777777" w:rsidR="000B3074" w:rsidRPr="000B3074" w:rsidRDefault="000B3074" w:rsidP="000B3074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0B3074">
              <w:rPr>
                <w:rFonts w:eastAsia="Times New Roman"/>
                <w:sz w:val="22"/>
                <w:szCs w:val="22"/>
              </w:rPr>
              <w:t>Hypertension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FCD4134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3 (9.7)</w:t>
            </w:r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04B5045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9 (23.7)</w:t>
            </w:r>
          </w:p>
        </w:tc>
        <w:tc>
          <w:tcPr>
            <w:tcW w:w="10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4531B84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5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353767C" w14:textId="77777777" w:rsidR="000B3074" w:rsidRPr="000B3074" w:rsidRDefault="000B3074" w:rsidP="000B3074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0B3074">
              <w:rPr>
                <w:rFonts w:eastAsia="Times New Roman"/>
                <w:sz w:val="18"/>
                <w:szCs w:val="18"/>
              </w:rPr>
              <w:t>18</w:t>
            </w:r>
          </w:p>
        </w:tc>
      </w:tr>
    </w:tbl>
    <w:p w14:paraId="1A1AB612" w14:textId="0DC7842B" w:rsidR="00A21121" w:rsidRDefault="00A21121" w:rsidP="00A21121">
      <w:pPr>
        <w:rPr>
          <w:lang w:eastAsia="en-US"/>
        </w:rPr>
      </w:pPr>
    </w:p>
    <w:p w14:paraId="3A261EDE" w14:textId="637AFBCB" w:rsidR="00A21121" w:rsidRDefault="00A21121" w:rsidP="00A21121">
      <w:pPr>
        <w:rPr>
          <w:lang w:eastAsia="en-US"/>
        </w:rPr>
      </w:pPr>
    </w:p>
    <w:p w14:paraId="001A9017" w14:textId="77777777" w:rsidR="00A21121" w:rsidRPr="00311D97" w:rsidRDefault="00A21121" w:rsidP="00DB7731"/>
    <w:p w14:paraId="75EDC3AD" w14:textId="699728F1" w:rsidR="00AF0D2D" w:rsidRDefault="00AF0D2D" w:rsidP="00EC5B6A">
      <w:pPr>
        <w:rPr>
          <w:lang w:eastAsia="en-US"/>
        </w:rPr>
      </w:pPr>
    </w:p>
    <w:p w14:paraId="314D6254" w14:textId="77777777" w:rsidR="00501A32" w:rsidRDefault="00AF0D2D">
      <w:pPr>
        <w:rPr>
          <w:lang w:eastAsia="en-US"/>
        </w:rPr>
        <w:sectPr w:rsidR="00501A32" w:rsidSect="00843FE3">
          <w:pgSz w:w="11906" w:h="16838"/>
          <w:pgMar w:top="1440" w:right="1440" w:bottom="1440" w:left="1440" w:header="708" w:footer="708" w:gutter="0"/>
          <w:cols w:space="708"/>
          <w:docGrid w:linePitch="360"/>
        </w:sectPr>
      </w:pPr>
      <w:r>
        <w:rPr>
          <w:lang w:eastAsia="en-US"/>
        </w:rPr>
        <w:br w:type="page"/>
      </w:r>
    </w:p>
    <w:p w14:paraId="670A9B43" w14:textId="13C96C53" w:rsidR="00AF0D2D" w:rsidRDefault="00AF0D2D">
      <w:pPr>
        <w:rPr>
          <w:lang w:eastAsia="en-US"/>
        </w:rPr>
      </w:pPr>
    </w:p>
    <w:p w14:paraId="395A72AA" w14:textId="1F33BD65" w:rsidR="00970777" w:rsidRDefault="00970777" w:rsidP="00970777">
      <w:pPr>
        <w:pStyle w:val="Caption"/>
        <w:keepNext/>
      </w:pPr>
      <w:r>
        <w:t xml:space="preserve">Table </w:t>
      </w:r>
      <w:r>
        <w:fldChar w:fldCharType="begin"/>
      </w:r>
      <w:r>
        <w:instrText xml:space="preserve"> SEQ Table \* ARABIC </w:instrText>
      </w:r>
      <w:r>
        <w:fldChar w:fldCharType="separate"/>
      </w:r>
      <w:r>
        <w:rPr>
          <w:noProof/>
        </w:rPr>
        <w:t>16</w:t>
      </w:r>
      <w:r>
        <w:fldChar w:fldCharType="end"/>
      </w:r>
      <w:r>
        <w:t xml:space="preserve">: </w:t>
      </w:r>
      <w:r w:rsidRPr="00792548">
        <w:t>EudraCT reportable Serious Adverse Events</w:t>
      </w:r>
    </w:p>
    <w:tbl>
      <w:tblPr>
        <w:tblW w:w="12420" w:type="dxa"/>
        <w:tblLook w:val="04A0" w:firstRow="1" w:lastRow="0" w:firstColumn="1" w:lastColumn="0" w:noHBand="0" w:noVBand="1"/>
      </w:tblPr>
      <w:tblGrid>
        <w:gridCol w:w="2820"/>
        <w:gridCol w:w="1002"/>
        <w:gridCol w:w="918"/>
        <w:gridCol w:w="1002"/>
        <w:gridCol w:w="918"/>
        <w:gridCol w:w="1002"/>
        <w:gridCol w:w="918"/>
        <w:gridCol w:w="1002"/>
        <w:gridCol w:w="918"/>
        <w:gridCol w:w="1002"/>
        <w:gridCol w:w="918"/>
      </w:tblGrid>
      <w:tr w:rsidR="00501A32" w:rsidRPr="00501A32" w14:paraId="4EA0B629" w14:textId="77777777" w:rsidTr="00501A32">
        <w:trPr>
          <w:cantSplit/>
          <w:trHeight w:val="900"/>
          <w:tblHeader/>
        </w:trPr>
        <w:tc>
          <w:tcPr>
            <w:tcW w:w="282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8ACE6CE" w14:textId="77777777" w:rsidR="00501A32" w:rsidRPr="00501A32" w:rsidRDefault="00501A32" w:rsidP="00501A32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Table </w:t>
            </w:r>
            <w:proofErr w:type="gramStart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16 :</w:t>
            </w:r>
            <w:proofErr w:type="gramEnd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 EudraCT reportable Serious Adverse Events</w:t>
            </w:r>
          </w:p>
        </w:tc>
        <w:tc>
          <w:tcPr>
            <w:tcW w:w="192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3C1F2781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Subjects - </w:t>
            </w:r>
            <w:proofErr w:type="gramStart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N(</w:t>
            </w:r>
            <w:proofErr w:type="gramEnd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%)</w:t>
            </w:r>
          </w:p>
        </w:tc>
        <w:tc>
          <w:tcPr>
            <w:tcW w:w="192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123B6252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Occurrences - </w:t>
            </w:r>
            <w:proofErr w:type="gramStart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N(</w:t>
            </w:r>
            <w:proofErr w:type="gramEnd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%)</w:t>
            </w:r>
          </w:p>
        </w:tc>
        <w:tc>
          <w:tcPr>
            <w:tcW w:w="192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0B37B132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Occurrences related to treatment - </w:t>
            </w:r>
            <w:proofErr w:type="gramStart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N(</w:t>
            </w:r>
            <w:proofErr w:type="gramEnd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%)</w:t>
            </w:r>
          </w:p>
        </w:tc>
        <w:tc>
          <w:tcPr>
            <w:tcW w:w="192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729570A0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Deaths - </w:t>
            </w:r>
            <w:proofErr w:type="gramStart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N(</w:t>
            </w:r>
            <w:proofErr w:type="gramEnd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%)</w:t>
            </w:r>
          </w:p>
        </w:tc>
        <w:tc>
          <w:tcPr>
            <w:tcW w:w="1920" w:type="dxa"/>
            <w:gridSpan w:val="2"/>
            <w:tcBorders>
              <w:top w:val="single" w:sz="8" w:space="0" w:color="auto"/>
              <w:left w:val="nil"/>
              <w:bottom w:val="nil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6A0EA36F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Deaths related to treatment - </w:t>
            </w:r>
            <w:proofErr w:type="gramStart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N(</w:t>
            </w:r>
            <w:proofErr w:type="gramEnd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%)</w:t>
            </w:r>
          </w:p>
        </w:tc>
      </w:tr>
      <w:tr w:rsidR="00501A32" w:rsidRPr="00501A32" w14:paraId="51063DE0" w14:textId="77777777" w:rsidTr="00501A32">
        <w:trPr>
          <w:cantSplit/>
          <w:trHeight w:val="300"/>
          <w:tblHeader/>
        </w:trPr>
        <w:tc>
          <w:tcPr>
            <w:tcW w:w="282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6791EC3" w14:textId="77777777" w:rsidR="00501A32" w:rsidRPr="00501A32" w:rsidRDefault="00501A32" w:rsidP="00501A32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 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9DC679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2D41389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FE20BF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C3B1F25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326ADAD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DE19A97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2F47D68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87BBDA5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274BFE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Olaparib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49B3328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Placebo</w:t>
            </w:r>
          </w:p>
        </w:tc>
      </w:tr>
      <w:tr w:rsidR="00501A32" w:rsidRPr="00501A32" w14:paraId="3C257797" w14:textId="77777777" w:rsidTr="00501A32">
        <w:trPr>
          <w:cantSplit/>
          <w:trHeight w:val="315"/>
          <w:tblHeader/>
        </w:trPr>
        <w:tc>
          <w:tcPr>
            <w:tcW w:w="282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780AAFD" w14:textId="77777777" w:rsidR="00501A32" w:rsidRPr="00501A32" w:rsidRDefault="00501A32" w:rsidP="00501A32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 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E2CAC57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9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2DC45F8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0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75160E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9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1DC048E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0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A7A3E3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9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A470F4F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0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3232D5A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9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78FC5DD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0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1A685FA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9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C6EA7BA" w14:textId="77777777" w:rsidR="00501A32" w:rsidRPr="00501A32" w:rsidRDefault="00501A32" w:rsidP="00501A32">
            <w:pPr>
              <w:jc w:val="center"/>
              <w:rPr>
                <w:rFonts w:eastAsia="Times New Roman"/>
                <w:b/>
                <w:bCs/>
                <w:color w:val="000000"/>
                <w:sz w:val="18"/>
                <w:szCs w:val="18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18"/>
                <w:szCs w:val="18"/>
              </w:rPr>
              <w:t>N=10</w:t>
            </w:r>
          </w:p>
        </w:tc>
      </w:tr>
      <w:tr w:rsidR="00501A32" w:rsidRPr="00501A32" w14:paraId="51BF2F08" w14:textId="77777777" w:rsidTr="00501A32">
        <w:trPr>
          <w:trHeight w:val="300"/>
        </w:trPr>
        <w:tc>
          <w:tcPr>
            <w:tcW w:w="282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469C0CA" w14:textId="77777777" w:rsidR="00501A32" w:rsidRPr="00501A32" w:rsidRDefault="00501A32" w:rsidP="00501A32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Cardiac disorders - </w:t>
            </w:r>
            <w:proofErr w:type="gramStart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N(</w:t>
            </w:r>
            <w:proofErr w:type="gramEnd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%)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15AC32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27BD774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053617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6F8C5A1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C290F3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33F7D7C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BDFBA1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46B1373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D5F2F4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CD63BC1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01A32" w:rsidRPr="00501A32" w14:paraId="36210407" w14:textId="77777777" w:rsidTr="00501A32">
        <w:trPr>
          <w:trHeight w:val="315"/>
        </w:trPr>
        <w:tc>
          <w:tcPr>
            <w:tcW w:w="282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E7C3088" w14:textId="77777777" w:rsidR="00501A32" w:rsidRPr="00501A32" w:rsidRDefault="00501A32" w:rsidP="00501A32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01A32">
              <w:rPr>
                <w:rFonts w:eastAsia="Times New Roman"/>
                <w:sz w:val="22"/>
                <w:szCs w:val="22"/>
              </w:rPr>
              <w:t>Pericardial effusion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5E9716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0D72458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9A3FD3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08F6529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2891C3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76CC4B2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C2DF38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8FA393E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72C775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85A955E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01A32" w:rsidRPr="00501A32" w14:paraId="585CBC3D" w14:textId="77777777" w:rsidTr="00501A32">
        <w:trPr>
          <w:trHeight w:val="600"/>
        </w:trPr>
        <w:tc>
          <w:tcPr>
            <w:tcW w:w="282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BA441F5" w14:textId="77777777" w:rsidR="00501A32" w:rsidRPr="00501A32" w:rsidRDefault="00501A32" w:rsidP="00501A32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Gastrointestinal disorders - </w:t>
            </w:r>
            <w:proofErr w:type="gramStart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N(</w:t>
            </w:r>
            <w:proofErr w:type="gramEnd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%)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831D6F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C0D0576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A976D69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E4D446A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546664F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8CFA955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1A00A67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3BBFA2B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791AE9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A0A4DEF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01A32" w:rsidRPr="00501A32" w14:paraId="693E7827" w14:textId="77777777" w:rsidTr="00501A32">
        <w:trPr>
          <w:trHeight w:val="300"/>
        </w:trPr>
        <w:tc>
          <w:tcPr>
            <w:tcW w:w="282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8AE5802" w14:textId="77777777" w:rsidR="00501A32" w:rsidRPr="00501A32" w:rsidRDefault="00501A32" w:rsidP="00501A32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01A32">
              <w:rPr>
                <w:rFonts w:eastAsia="Times New Roman"/>
                <w:sz w:val="22"/>
                <w:szCs w:val="22"/>
              </w:rPr>
              <w:t>Diarrhoea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733B7D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6BE0082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262363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C287497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70DA6B6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1C1767F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EBD2EF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307EAC5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1C68080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73C8EC8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01A32" w:rsidRPr="00501A32" w14:paraId="5E67CBC0" w14:textId="77777777" w:rsidTr="00501A32">
        <w:trPr>
          <w:trHeight w:val="300"/>
        </w:trPr>
        <w:tc>
          <w:tcPr>
            <w:tcW w:w="282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C9466C8" w14:textId="42D17B63" w:rsidR="00501A32" w:rsidRPr="00501A32" w:rsidRDefault="00501A32" w:rsidP="00501A32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01A32">
              <w:rPr>
                <w:rFonts w:eastAsia="Times New Roman"/>
                <w:sz w:val="22"/>
                <w:szCs w:val="22"/>
              </w:rPr>
              <w:t>Nausea</w:t>
            </w:r>
            <w:r w:rsidR="0031686C" w:rsidRPr="0031686C">
              <w:rPr>
                <w:rFonts w:eastAsia="Times New Roman"/>
                <w:sz w:val="22"/>
                <w:szCs w:val="22"/>
                <w:vertAlign w:val="superscript"/>
              </w:rPr>
              <w:t>1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437CEBE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1.1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C02F875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028B80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1.1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1AE9607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1BE4CEE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1.1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C9A1DC2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74570B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1.1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D3C2A59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8315AA4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1.1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86F3C43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01A32" w:rsidRPr="00501A32" w14:paraId="68B9BF14" w14:textId="77777777" w:rsidTr="00501A32">
        <w:trPr>
          <w:trHeight w:val="300"/>
        </w:trPr>
        <w:tc>
          <w:tcPr>
            <w:tcW w:w="282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F0076DD" w14:textId="77777777" w:rsidR="00501A32" w:rsidRPr="00501A32" w:rsidRDefault="00501A32" w:rsidP="00501A32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01A32">
              <w:rPr>
                <w:rFonts w:eastAsia="Times New Roman"/>
                <w:sz w:val="22"/>
                <w:szCs w:val="22"/>
              </w:rPr>
              <w:t>Dysphagia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DCEEA0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1.1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9BB5102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21F8E3E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1.1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FA0DC87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939187D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E6D272F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85239E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1.1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AB453D1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30056AA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F097427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01A32" w:rsidRPr="00501A32" w14:paraId="6687B2F7" w14:textId="77777777" w:rsidTr="00501A32">
        <w:trPr>
          <w:trHeight w:val="315"/>
        </w:trPr>
        <w:tc>
          <w:tcPr>
            <w:tcW w:w="282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8E45AFA" w14:textId="77777777" w:rsidR="00501A32" w:rsidRPr="00501A32" w:rsidRDefault="00501A32" w:rsidP="00501A32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01A32">
              <w:rPr>
                <w:rFonts w:eastAsia="Times New Roman"/>
                <w:sz w:val="22"/>
                <w:szCs w:val="22"/>
              </w:rPr>
              <w:t>Device occlusion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B82F433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9DF1806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A993AA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A92D9C5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B91B74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E5F1684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EFBCF1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8302E1D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65C9BA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AF8D170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01A32" w:rsidRPr="00501A32" w14:paraId="73D62EC4" w14:textId="77777777" w:rsidTr="00501A32">
        <w:trPr>
          <w:trHeight w:val="600"/>
        </w:trPr>
        <w:tc>
          <w:tcPr>
            <w:tcW w:w="282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EE9A28A" w14:textId="77777777" w:rsidR="00501A32" w:rsidRPr="00501A32" w:rsidRDefault="00501A32" w:rsidP="00501A32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Infections and infestations - </w:t>
            </w:r>
            <w:proofErr w:type="gramStart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N(</w:t>
            </w:r>
            <w:proofErr w:type="gramEnd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%)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40D8F27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739B14B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B537A30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C836BAA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8C625B5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4A17F80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A516D0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268DDB6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0E7923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24A34BF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01A32" w:rsidRPr="00501A32" w14:paraId="43E4D23E" w14:textId="77777777" w:rsidTr="00501A32">
        <w:trPr>
          <w:trHeight w:val="300"/>
        </w:trPr>
        <w:tc>
          <w:tcPr>
            <w:tcW w:w="282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ACD1BEC" w14:textId="77777777" w:rsidR="00501A32" w:rsidRPr="00501A32" w:rsidRDefault="00501A32" w:rsidP="00501A32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01A32">
              <w:rPr>
                <w:rFonts w:eastAsia="Times New Roman"/>
                <w:sz w:val="22"/>
                <w:szCs w:val="22"/>
              </w:rPr>
              <w:t>Lung infection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9B53448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7A37843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2 (2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5496E78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D1FBA0D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2 (2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315100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FFD4365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20F3DB9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DBFDFB6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4F62C8C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317D220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01A32" w:rsidRPr="00501A32" w14:paraId="56D97813" w14:textId="77777777" w:rsidTr="00501A32">
        <w:trPr>
          <w:trHeight w:val="315"/>
        </w:trPr>
        <w:tc>
          <w:tcPr>
            <w:tcW w:w="282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C626C58" w14:textId="77777777" w:rsidR="00501A32" w:rsidRPr="00501A32" w:rsidRDefault="00501A32" w:rsidP="00501A32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01A32">
              <w:rPr>
                <w:rFonts w:eastAsia="Times New Roman"/>
                <w:sz w:val="22"/>
                <w:szCs w:val="22"/>
              </w:rPr>
              <w:t>Skin infection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6E331F4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1.1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5002A24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25D9261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1.1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AC54AE8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DD7A4E8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4DE5795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D2E058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4F57B6A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8C7DA1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0BC6774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01A32" w:rsidRPr="00501A32" w14:paraId="450E52C2" w14:textId="77777777" w:rsidTr="00501A32">
        <w:trPr>
          <w:trHeight w:val="900"/>
        </w:trPr>
        <w:tc>
          <w:tcPr>
            <w:tcW w:w="282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FE04DD0" w14:textId="77777777" w:rsidR="00501A32" w:rsidRPr="00501A32" w:rsidRDefault="00501A32" w:rsidP="00501A32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Musculoskeletal and connective tissue disorders - </w:t>
            </w:r>
            <w:proofErr w:type="gramStart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N(</w:t>
            </w:r>
            <w:proofErr w:type="gramEnd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%)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B1612DC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8DE43C8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1DB42E6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3A232F8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08A1D86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D9B77D2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0507A79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A773CDD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66BA02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EFAC2C2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01A32" w:rsidRPr="00501A32" w14:paraId="4FBF3F9B" w14:textId="77777777" w:rsidTr="00501A32">
        <w:trPr>
          <w:trHeight w:val="315"/>
        </w:trPr>
        <w:tc>
          <w:tcPr>
            <w:tcW w:w="28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189C4DA" w14:textId="77777777" w:rsidR="00501A32" w:rsidRPr="00501A32" w:rsidRDefault="00501A32" w:rsidP="00501A32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01A32">
              <w:rPr>
                <w:rFonts w:eastAsia="Times New Roman"/>
                <w:sz w:val="22"/>
                <w:szCs w:val="22"/>
              </w:rPr>
              <w:t>Back pain</w:t>
            </w:r>
          </w:p>
        </w:tc>
        <w:tc>
          <w:tcPr>
            <w:tcW w:w="10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D51BA03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1.1)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359BE43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14E4DA86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1.1)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A9FF36A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5549EDD7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0364420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CE02C23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F09EA26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0A686676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22F6840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01A32" w:rsidRPr="00501A32" w14:paraId="23046BA9" w14:textId="77777777" w:rsidTr="00501A32">
        <w:trPr>
          <w:trHeight w:val="900"/>
        </w:trPr>
        <w:tc>
          <w:tcPr>
            <w:tcW w:w="282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6F80DC6" w14:textId="77777777" w:rsidR="00501A32" w:rsidRPr="00501A32" w:rsidRDefault="00501A32" w:rsidP="00501A32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lastRenderedPageBreak/>
              <w:t>Neoplasms benign, malignant and unspecified (</w:t>
            </w:r>
            <w:proofErr w:type="spellStart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incl</w:t>
            </w:r>
            <w:proofErr w:type="spellEnd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 cysts and polyps) - </w:t>
            </w:r>
            <w:proofErr w:type="gramStart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N(</w:t>
            </w:r>
            <w:proofErr w:type="gramEnd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%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535576C" w14:textId="77777777" w:rsidR="00501A32" w:rsidRPr="00501A32" w:rsidRDefault="00501A32" w:rsidP="00501A32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A6792B2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2735C94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EB37028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4E298EE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411B99B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0A2C4D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C525A44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E5DC9CE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F13BB47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01A32" w:rsidRPr="00501A32" w14:paraId="273399F6" w14:textId="77777777" w:rsidTr="00501A32">
        <w:trPr>
          <w:trHeight w:val="615"/>
        </w:trPr>
        <w:tc>
          <w:tcPr>
            <w:tcW w:w="282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BA2F634" w14:textId="77777777" w:rsidR="00501A32" w:rsidRPr="00501A32" w:rsidRDefault="00501A32" w:rsidP="00501A32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01A32">
              <w:rPr>
                <w:rFonts w:eastAsia="Times New Roman"/>
                <w:sz w:val="22"/>
                <w:szCs w:val="22"/>
              </w:rPr>
              <w:t>Pathological fracture imminent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5CC117E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1.1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0C7D820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DBB3D29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1.1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3261959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A741CC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6942079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BAEBB6A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958BC34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C3909E8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33DDC26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01A32" w:rsidRPr="00501A32" w14:paraId="7F448D21" w14:textId="77777777" w:rsidTr="00501A32">
        <w:trPr>
          <w:trHeight w:val="600"/>
        </w:trPr>
        <w:tc>
          <w:tcPr>
            <w:tcW w:w="282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1A64B76" w14:textId="77777777" w:rsidR="00501A32" w:rsidRPr="00501A32" w:rsidRDefault="00501A32" w:rsidP="00501A32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Nervous system disorders - </w:t>
            </w:r>
            <w:proofErr w:type="gramStart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N(</w:t>
            </w:r>
            <w:proofErr w:type="gramEnd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%)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3A9A038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D746094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AA0A12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A513B91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966FA39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E9A40A9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EAF7912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CC4940A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C6FF7B5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E7EBDD0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01A32" w:rsidRPr="00501A32" w14:paraId="6351A3F8" w14:textId="77777777" w:rsidTr="00501A32">
        <w:trPr>
          <w:trHeight w:val="300"/>
        </w:trPr>
        <w:tc>
          <w:tcPr>
            <w:tcW w:w="282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3E73084" w14:textId="77777777" w:rsidR="00501A32" w:rsidRPr="00501A32" w:rsidRDefault="00501A32" w:rsidP="00501A32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01A32">
              <w:rPr>
                <w:rFonts w:eastAsia="Times New Roman"/>
                <w:sz w:val="22"/>
                <w:szCs w:val="22"/>
              </w:rPr>
              <w:t>Headache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73CDF70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1.1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554C153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F896DBC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1.1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643A44E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C032A77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080E0D0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3D4D46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9CA5BBC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32E04F4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780CD52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01A32" w:rsidRPr="00501A32" w14:paraId="25A495A1" w14:textId="77777777" w:rsidTr="00501A32">
        <w:trPr>
          <w:trHeight w:val="315"/>
        </w:trPr>
        <w:tc>
          <w:tcPr>
            <w:tcW w:w="282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E0C517C" w14:textId="77777777" w:rsidR="00501A32" w:rsidRPr="00501A32" w:rsidRDefault="00501A32" w:rsidP="00501A32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01A32">
              <w:rPr>
                <w:rFonts w:eastAsia="Times New Roman"/>
                <w:sz w:val="22"/>
                <w:szCs w:val="22"/>
              </w:rPr>
              <w:t>Lethargy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99EED92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1.1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10CC69D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2C674E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1.1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C83CEF6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A792F9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2BE51F7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A5B6626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F6A6531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FB8FB24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5687751C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01A32" w:rsidRPr="00501A32" w14:paraId="55E63082" w14:textId="77777777" w:rsidTr="00501A32">
        <w:trPr>
          <w:trHeight w:val="300"/>
        </w:trPr>
        <w:tc>
          <w:tcPr>
            <w:tcW w:w="282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60D0EE4" w14:textId="77777777" w:rsidR="00501A32" w:rsidRPr="00501A32" w:rsidRDefault="00501A32" w:rsidP="00501A32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Psychiatric disorders - </w:t>
            </w:r>
            <w:proofErr w:type="gramStart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N(</w:t>
            </w:r>
            <w:proofErr w:type="gramEnd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%)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2E010CA8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94F5BF9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4886294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F3AC32D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C5E4F1D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490E0D76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B274082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BE2907E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DCE26BC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8B0E8F8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01A32" w:rsidRPr="00501A32" w14:paraId="7D8962B6" w14:textId="77777777" w:rsidTr="00501A32">
        <w:trPr>
          <w:trHeight w:val="315"/>
        </w:trPr>
        <w:tc>
          <w:tcPr>
            <w:tcW w:w="282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ADFD0D3" w14:textId="77777777" w:rsidR="00501A32" w:rsidRPr="00501A32" w:rsidRDefault="00501A32" w:rsidP="00501A32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01A32">
              <w:rPr>
                <w:rFonts w:eastAsia="Times New Roman"/>
                <w:sz w:val="22"/>
                <w:szCs w:val="22"/>
              </w:rPr>
              <w:t>Suicide attempt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75B3A8A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1E1C522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D546CB6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ADB6746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0E15BB27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2B98F05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3B0BA70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DED2BD6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EB77FB7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0AB7A8D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01A32" w:rsidRPr="00501A32" w14:paraId="37A42BC4" w14:textId="77777777" w:rsidTr="00501A32">
        <w:trPr>
          <w:trHeight w:val="600"/>
        </w:trPr>
        <w:tc>
          <w:tcPr>
            <w:tcW w:w="2820" w:type="dxa"/>
            <w:tcBorders>
              <w:top w:val="single" w:sz="8" w:space="0" w:color="auto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A9CEB1D" w14:textId="77777777" w:rsidR="00501A32" w:rsidRPr="00501A32" w:rsidRDefault="00501A32" w:rsidP="00501A32">
            <w:pPr>
              <w:rPr>
                <w:rFonts w:eastAsia="Times New Roman"/>
                <w:b/>
                <w:bCs/>
                <w:color w:val="000000"/>
                <w:sz w:val="22"/>
                <w:szCs w:val="22"/>
              </w:rPr>
            </w:pPr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 xml:space="preserve">Respiratory, thoracic and mediastinal disorders - </w:t>
            </w:r>
            <w:proofErr w:type="gramStart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N(</w:t>
            </w:r>
            <w:proofErr w:type="gramEnd"/>
            <w:r w:rsidRPr="00501A32">
              <w:rPr>
                <w:rFonts w:eastAsia="Times New Roman"/>
                <w:b/>
                <w:bCs/>
                <w:color w:val="000000"/>
                <w:sz w:val="22"/>
                <w:szCs w:val="22"/>
              </w:rPr>
              <w:t>%)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0F468EB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B69A763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6F47344A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9ADE4FC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F3652D1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213E967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70EDE736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1CBF7CD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1002" w:type="dxa"/>
            <w:tcBorders>
              <w:top w:val="single" w:sz="8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8EE76F9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  <w:tc>
          <w:tcPr>
            <w:tcW w:w="918" w:type="dxa"/>
            <w:tcBorders>
              <w:top w:val="single" w:sz="8" w:space="0" w:color="auto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F56FFE8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 </w:t>
            </w:r>
          </w:p>
        </w:tc>
      </w:tr>
      <w:tr w:rsidR="00501A32" w:rsidRPr="00501A32" w14:paraId="403ADB1D" w14:textId="77777777" w:rsidTr="00501A32">
        <w:trPr>
          <w:trHeight w:val="300"/>
        </w:trPr>
        <w:tc>
          <w:tcPr>
            <w:tcW w:w="2820" w:type="dxa"/>
            <w:tcBorders>
              <w:top w:val="nil"/>
              <w:left w:val="single" w:sz="8" w:space="0" w:color="auto"/>
              <w:bottom w:val="nil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02FD8CB" w14:textId="77777777" w:rsidR="00501A32" w:rsidRPr="00501A32" w:rsidRDefault="00501A32" w:rsidP="00501A32">
            <w:pPr>
              <w:jc w:val="right"/>
              <w:rPr>
                <w:rFonts w:eastAsia="Times New Roman"/>
                <w:sz w:val="22"/>
                <w:szCs w:val="22"/>
              </w:rPr>
            </w:pPr>
            <w:proofErr w:type="spellStart"/>
            <w:r w:rsidRPr="00501A32">
              <w:rPr>
                <w:rFonts w:eastAsia="Times New Roman"/>
                <w:sz w:val="22"/>
                <w:szCs w:val="22"/>
              </w:rPr>
              <w:t>Dyspnea</w:t>
            </w:r>
            <w:proofErr w:type="spellEnd"/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369CAE60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1.1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3DA6F6B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2 (2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5DF12DD7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1.1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878865F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2 (2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12C7A841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08E92DE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A50C8A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7EDEE551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center"/>
            <w:hideMark/>
          </w:tcPr>
          <w:p w14:paraId="481056CD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nil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35DED269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  <w:tr w:rsidR="00501A32" w:rsidRPr="00501A32" w14:paraId="7137390D" w14:textId="77777777" w:rsidTr="00501A32">
        <w:trPr>
          <w:trHeight w:val="615"/>
        </w:trPr>
        <w:tc>
          <w:tcPr>
            <w:tcW w:w="28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CF4C0A0" w14:textId="77777777" w:rsidR="00501A32" w:rsidRPr="00501A32" w:rsidRDefault="00501A32" w:rsidP="00501A32">
            <w:pPr>
              <w:jc w:val="right"/>
              <w:rPr>
                <w:rFonts w:eastAsia="Times New Roman"/>
                <w:sz w:val="22"/>
                <w:szCs w:val="22"/>
              </w:rPr>
            </w:pPr>
            <w:r w:rsidRPr="00501A32">
              <w:rPr>
                <w:rFonts w:eastAsia="Times New Roman"/>
                <w:sz w:val="22"/>
                <w:szCs w:val="22"/>
              </w:rPr>
              <w:t>Respiratory tract haemorrhage</w:t>
            </w:r>
          </w:p>
        </w:tc>
        <w:tc>
          <w:tcPr>
            <w:tcW w:w="10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48E92D7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2CA41E58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0.0)</w:t>
            </w:r>
          </w:p>
        </w:tc>
        <w:tc>
          <w:tcPr>
            <w:tcW w:w="10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2F2CE073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67AB6461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1 (10.0)</w:t>
            </w:r>
          </w:p>
        </w:tc>
        <w:tc>
          <w:tcPr>
            <w:tcW w:w="10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536DDD1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4E86914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3313E90D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1DE067D3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1002" w:type="dxa"/>
            <w:tcBorders>
              <w:top w:val="nil"/>
              <w:left w:val="nil"/>
              <w:bottom w:val="single" w:sz="8" w:space="0" w:color="auto"/>
              <w:right w:val="nil"/>
            </w:tcBorders>
            <w:shd w:val="clear" w:color="auto" w:fill="auto"/>
            <w:noWrap/>
            <w:vAlign w:val="center"/>
            <w:hideMark/>
          </w:tcPr>
          <w:p w14:paraId="44FBC3CC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  <w:tc>
          <w:tcPr>
            <w:tcW w:w="91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14:paraId="09934127" w14:textId="77777777" w:rsidR="00501A32" w:rsidRPr="00501A32" w:rsidRDefault="00501A32" w:rsidP="00501A32">
            <w:pPr>
              <w:jc w:val="right"/>
              <w:rPr>
                <w:rFonts w:eastAsia="Times New Roman"/>
                <w:sz w:val="18"/>
                <w:szCs w:val="18"/>
              </w:rPr>
            </w:pPr>
            <w:r w:rsidRPr="00501A32">
              <w:rPr>
                <w:rFonts w:eastAsia="Times New Roman"/>
                <w:sz w:val="18"/>
                <w:szCs w:val="18"/>
              </w:rPr>
              <w:t>0 (0.0)</w:t>
            </w:r>
          </w:p>
        </w:tc>
      </w:tr>
    </w:tbl>
    <w:p w14:paraId="1EF590B4" w14:textId="4DBD0808" w:rsidR="00501A32" w:rsidRDefault="00501A32" w:rsidP="00501A32">
      <w:pPr>
        <w:rPr>
          <w:lang w:eastAsia="en-US"/>
        </w:rPr>
      </w:pPr>
    </w:p>
    <w:p w14:paraId="3B0D45B7" w14:textId="75710001" w:rsidR="00AF0D2D" w:rsidRPr="00EC5B6A" w:rsidRDefault="0031686C" w:rsidP="00EC5B6A">
      <w:pPr>
        <w:rPr>
          <w:lang w:eastAsia="en-US"/>
        </w:rPr>
      </w:pPr>
      <w:r w:rsidRPr="0031686C">
        <w:rPr>
          <w:vertAlign w:val="superscript"/>
          <w:lang w:eastAsia="en-US"/>
        </w:rPr>
        <w:t>1</w:t>
      </w:r>
      <w:r>
        <w:rPr>
          <w:lang w:eastAsia="en-US"/>
        </w:rPr>
        <w:t xml:space="preserve"> </w:t>
      </w:r>
      <w:r>
        <w:t>Patient died WITH nausea that was related to treatment rather than DUE TO nausea</w:t>
      </w:r>
    </w:p>
    <w:sectPr w:rsidR="00AF0D2D" w:rsidRPr="00EC5B6A" w:rsidSect="00501A32">
      <w:pgSz w:w="16838" w:h="11906" w:orient="landscape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210E14DF" w14:textId="77777777" w:rsidR="00EE797C" w:rsidRDefault="00EE797C">
      <w:r>
        <w:separator/>
      </w:r>
    </w:p>
    <w:p w14:paraId="3443839B" w14:textId="77777777" w:rsidR="00EE797C" w:rsidRDefault="00EE797C"/>
    <w:p w14:paraId="1D1CADEC" w14:textId="77777777" w:rsidR="00EE797C" w:rsidRDefault="00EE797C" w:rsidP="00106858"/>
    <w:p w14:paraId="7048FDB0" w14:textId="77777777" w:rsidR="00EE797C" w:rsidRDefault="00EE797C" w:rsidP="00106858"/>
    <w:p w14:paraId="3B3949AA" w14:textId="77777777" w:rsidR="00EE797C" w:rsidRDefault="00EE797C" w:rsidP="00106858"/>
    <w:p w14:paraId="1FCBDAFF" w14:textId="77777777" w:rsidR="00EE797C" w:rsidRDefault="00EE797C" w:rsidP="00106858"/>
    <w:p w14:paraId="6A9D331D" w14:textId="77777777" w:rsidR="00EE797C" w:rsidRDefault="00EE797C" w:rsidP="00106858"/>
    <w:p w14:paraId="2BBECE81" w14:textId="77777777" w:rsidR="00EE797C" w:rsidRDefault="00EE797C" w:rsidP="00106858"/>
    <w:p w14:paraId="52050513" w14:textId="77777777" w:rsidR="00EE797C" w:rsidRDefault="00EE797C" w:rsidP="00106858"/>
  </w:endnote>
  <w:endnote w:type="continuationSeparator" w:id="0">
    <w:p w14:paraId="1DEA33A8" w14:textId="77777777" w:rsidR="00EE797C" w:rsidRDefault="00EE797C">
      <w:r>
        <w:continuationSeparator/>
      </w:r>
    </w:p>
    <w:p w14:paraId="3CCC8421" w14:textId="77777777" w:rsidR="00EE797C" w:rsidRDefault="00EE797C"/>
    <w:p w14:paraId="0CF5C680" w14:textId="77777777" w:rsidR="00EE797C" w:rsidRDefault="00EE797C" w:rsidP="00106858"/>
    <w:p w14:paraId="4BCCCE2D" w14:textId="77777777" w:rsidR="00EE797C" w:rsidRDefault="00EE797C" w:rsidP="00106858"/>
    <w:p w14:paraId="0B0E7E99" w14:textId="77777777" w:rsidR="00EE797C" w:rsidRDefault="00EE797C" w:rsidP="00106858"/>
    <w:p w14:paraId="461B7CC9" w14:textId="77777777" w:rsidR="00EE797C" w:rsidRDefault="00EE797C" w:rsidP="00106858"/>
    <w:p w14:paraId="278F169E" w14:textId="77777777" w:rsidR="00EE797C" w:rsidRDefault="00EE797C" w:rsidP="00106858"/>
    <w:p w14:paraId="37637EF2" w14:textId="77777777" w:rsidR="00EE797C" w:rsidRDefault="00EE797C" w:rsidP="00106858"/>
    <w:p w14:paraId="7F09D1B1" w14:textId="77777777" w:rsidR="00EE797C" w:rsidRDefault="00EE797C" w:rsidP="00106858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7EA88402" w14:textId="740719D6" w:rsidR="00EE797C" w:rsidRDefault="00EE797C">
    <w:pPr>
      <w:tabs>
        <w:tab w:val="center" w:pos="4513"/>
        <w:tab w:val="right" w:pos="9026"/>
      </w:tabs>
    </w:pPr>
    <w:r>
      <w:t>TPL/008/001(v1.0)</w:t>
    </w:r>
    <w:r>
      <w:rPr>
        <w:b/>
        <w:bCs/>
      </w:rPr>
      <w:tab/>
      <w:t>CONFIDENTIAL</w:t>
    </w:r>
    <w:r>
      <w:tab/>
      <w:t xml:space="preserve"> Page </w:t>
    </w:r>
    <w:r>
      <w:fldChar w:fldCharType="begin"/>
    </w:r>
    <w:r>
      <w:instrText xml:space="preserve"> PAGE </w:instrText>
    </w:r>
    <w:r>
      <w:fldChar w:fldCharType="separate"/>
    </w:r>
    <w:r>
      <w:rPr>
        <w:noProof/>
      </w:rPr>
      <w:t>1</w:t>
    </w:r>
    <w:r>
      <w:rPr>
        <w:noProof/>
      </w:rPr>
      <w:fldChar w:fldCharType="end"/>
    </w:r>
    <w:r>
      <w:t xml:space="preserve"> of </w:t>
    </w:r>
    <w:r>
      <w:fldChar w:fldCharType="begin"/>
    </w:r>
    <w:r>
      <w:instrText xml:space="preserve"> NUMPAGES  </w:instrText>
    </w:r>
    <w:r>
      <w:fldChar w:fldCharType="separate"/>
    </w:r>
    <w:r>
      <w:rPr>
        <w:noProof/>
      </w:rPr>
      <w:t>7</w:t>
    </w:r>
    <w:r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32535C25" w14:textId="77777777" w:rsidR="00EE797C" w:rsidRDefault="00EE797C">
      <w:r>
        <w:separator/>
      </w:r>
    </w:p>
    <w:p w14:paraId="4302CFB5" w14:textId="77777777" w:rsidR="00EE797C" w:rsidRDefault="00EE797C"/>
    <w:p w14:paraId="5DE72B8B" w14:textId="77777777" w:rsidR="00EE797C" w:rsidRDefault="00EE797C" w:rsidP="00106858"/>
    <w:p w14:paraId="087E56B4" w14:textId="77777777" w:rsidR="00EE797C" w:rsidRDefault="00EE797C" w:rsidP="00106858"/>
    <w:p w14:paraId="71D0FDBF" w14:textId="77777777" w:rsidR="00EE797C" w:rsidRDefault="00EE797C" w:rsidP="00106858"/>
    <w:p w14:paraId="79A377BA" w14:textId="77777777" w:rsidR="00EE797C" w:rsidRDefault="00EE797C" w:rsidP="00106858"/>
    <w:p w14:paraId="0F3517C7" w14:textId="77777777" w:rsidR="00EE797C" w:rsidRDefault="00EE797C" w:rsidP="00106858"/>
    <w:p w14:paraId="02DDF4DB" w14:textId="77777777" w:rsidR="00EE797C" w:rsidRDefault="00EE797C" w:rsidP="00106858"/>
    <w:p w14:paraId="18071495" w14:textId="77777777" w:rsidR="00EE797C" w:rsidRDefault="00EE797C" w:rsidP="00106858"/>
  </w:footnote>
  <w:footnote w:type="continuationSeparator" w:id="0">
    <w:p w14:paraId="2E5F94CB" w14:textId="77777777" w:rsidR="00EE797C" w:rsidRDefault="00EE797C">
      <w:r>
        <w:continuationSeparator/>
      </w:r>
    </w:p>
    <w:p w14:paraId="23DC01B8" w14:textId="77777777" w:rsidR="00EE797C" w:rsidRDefault="00EE797C"/>
    <w:p w14:paraId="4A3ABEBE" w14:textId="77777777" w:rsidR="00EE797C" w:rsidRDefault="00EE797C" w:rsidP="00106858"/>
    <w:p w14:paraId="4AB46321" w14:textId="77777777" w:rsidR="00EE797C" w:rsidRDefault="00EE797C" w:rsidP="00106858"/>
    <w:p w14:paraId="054BB63E" w14:textId="77777777" w:rsidR="00EE797C" w:rsidRDefault="00EE797C" w:rsidP="00106858"/>
    <w:p w14:paraId="449B266A" w14:textId="77777777" w:rsidR="00EE797C" w:rsidRDefault="00EE797C" w:rsidP="00106858"/>
    <w:p w14:paraId="0F1D8BB3" w14:textId="77777777" w:rsidR="00EE797C" w:rsidRDefault="00EE797C" w:rsidP="00106858"/>
    <w:p w14:paraId="7B8507AC" w14:textId="77777777" w:rsidR="00EE797C" w:rsidRDefault="00EE797C" w:rsidP="00106858"/>
    <w:p w14:paraId="398453C9" w14:textId="77777777" w:rsidR="00EE797C" w:rsidRDefault="00EE797C" w:rsidP="00106858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8640F61" w14:textId="13F813FB" w:rsidR="00EE797C" w:rsidRDefault="00EE797C">
    <w:pPr>
      <w:jc w:val="right"/>
      <w:rPr>
        <w:rFonts w:cs="Helvetica"/>
      </w:rPr>
    </w:pPr>
    <w:r w:rsidRPr="007C4210">
      <w:rPr>
        <w:rFonts w:cs="Helvetica"/>
      </w:rPr>
      <w:t xml:space="preserve"> </w:t>
    </w:r>
    <w:r>
      <w:rPr>
        <w:noProof/>
        <w:sz w:val="32"/>
        <w:szCs w:val="32"/>
      </w:rPr>
      <w:drawing>
        <wp:inline distT="0" distB="0" distL="0" distR="0" wp14:anchorId="68F6EA6C" wp14:editId="03C452D3">
          <wp:extent cx="1534190" cy="604172"/>
          <wp:effectExtent l="0" t="0" r="0" b="5715"/>
          <wp:docPr id="10" name="Picture 10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558241" cy="613643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  <w:p w14:paraId="2408ECEE" w14:textId="77777777" w:rsidR="00EE797C" w:rsidRDefault="00EE797C">
    <w:pPr>
      <w:jc w:val="right"/>
      <w:rPr>
        <w:sz w:val="32"/>
        <w:szCs w:val="32"/>
      </w:rPr>
    </w:pPr>
  </w:p>
  <w:tbl>
    <w:tblPr>
      <w:tblW w:w="0" w:type="auto"/>
      <w:tblInd w:w="2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000" w:firstRow="0" w:lastRow="0" w:firstColumn="0" w:lastColumn="0" w:noHBand="0" w:noVBand="0"/>
    </w:tblPr>
    <w:tblGrid>
      <w:gridCol w:w="1505"/>
      <w:gridCol w:w="5215"/>
      <w:gridCol w:w="991"/>
      <w:gridCol w:w="1303"/>
    </w:tblGrid>
    <w:tr w:rsidR="00EE797C" w14:paraId="470AA9FF" w14:textId="77777777" w:rsidTr="009B1B76">
      <w:tc>
        <w:tcPr>
          <w:tcW w:w="1505" w:type="dxa"/>
        </w:tcPr>
        <w:p w14:paraId="11AEEC69" w14:textId="77777777" w:rsidR="00EE797C" w:rsidRDefault="00EE797C">
          <w:pPr>
            <w:pStyle w:val="Header"/>
            <w:jc w:val="right"/>
          </w:pPr>
          <w:r>
            <w:t>Short title:</w:t>
          </w:r>
        </w:p>
      </w:tc>
      <w:tc>
        <w:tcPr>
          <w:tcW w:w="7509" w:type="dxa"/>
          <w:gridSpan w:val="3"/>
        </w:tcPr>
        <w:p w14:paraId="7EB02865" w14:textId="45882EC8" w:rsidR="00EE797C" w:rsidRDefault="00EE797C" w:rsidP="009B1B76">
          <w:pPr>
            <w:pStyle w:val="Header"/>
            <w:tabs>
              <w:tab w:val="clear" w:pos="4513"/>
              <w:tab w:val="clear" w:pos="9026"/>
              <w:tab w:val="left" w:pos="1935"/>
            </w:tabs>
          </w:pPr>
          <w:r>
            <w:t>Statistical Reporting template</w:t>
          </w:r>
        </w:p>
      </w:tc>
    </w:tr>
    <w:tr w:rsidR="00EE797C" w14:paraId="42C4DF6E" w14:textId="77777777" w:rsidTr="009B1B76">
      <w:tc>
        <w:tcPr>
          <w:tcW w:w="1505" w:type="dxa"/>
        </w:tcPr>
        <w:p w14:paraId="7F28667D" w14:textId="77777777" w:rsidR="00EE797C" w:rsidRDefault="00EE797C">
          <w:pPr>
            <w:pStyle w:val="Header"/>
            <w:jc w:val="right"/>
          </w:pPr>
          <w:r>
            <w:t>SOP number:</w:t>
          </w:r>
        </w:p>
      </w:tc>
      <w:tc>
        <w:tcPr>
          <w:tcW w:w="5215" w:type="dxa"/>
        </w:tcPr>
        <w:p w14:paraId="4BF0B4DB" w14:textId="05B6236B" w:rsidR="00EE797C" w:rsidRDefault="00EE797C">
          <w:pPr>
            <w:pStyle w:val="Header"/>
          </w:pPr>
          <w:r w:rsidRPr="009B1B76">
            <w:t>TPL/008/1</w:t>
          </w:r>
        </w:p>
      </w:tc>
      <w:tc>
        <w:tcPr>
          <w:tcW w:w="991" w:type="dxa"/>
        </w:tcPr>
        <w:p w14:paraId="6C5721AE" w14:textId="77777777" w:rsidR="00EE797C" w:rsidRDefault="00EE797C">
          <w:pPr>
            <w:pStyle w:val="Header"/>
            <w:jc w:val="right"/>
          </w:pPr>
          <w:r>
            <w:t>Version:</w:t>
          </w:r>
        </w:p>
      </w:tc>
      <w:tc>
        <w:tcPr>
          <w:tcW w:w="1303" w:type="dxa"/>
        </w:tcPr>
        <w:p w14:paraId="65B3EE2B" w14:textId="77777777" w:rsidR="00EE797C" w:rsidRDefault="00EE797C">
          <w:pPr>
            <w:pStyle w:val="Header"/>
          </w:pPr>
          <w:r>
            <w:t>1.0</w:t>
          </w:r>
        </w:p>
      </w:tc>
    </w:tr>
  </w:tbl>
  <w:p w14:paraId="15BC69D0" w14:textId="77777777" w:rsidR="00EE797C" w:rsidRDefault="00EE797C" w:rsidP="00106858"/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245A3789"/>
    <w:multiLevelType w:val="multilevel"/>
    <w:tmpl w:val="6FE65538"/>
    <w:lvl w:ilvl="0">
      <w:start w:val="1"/>
      <w:numFmt w:val="decimal"/>
      <w:lvlText w:val="%1."/>
      <w:lvlJc w:val="left"/>
      <w:pPr>
        <w:ind w:left="426" w:hanging="360"/>
      </w:pPr>
      <w:rPr>
        <w:rFonts w:ascii="Times New Roman" w:hAnsi="Times New Roman" w:cs="Times New Roman" w:hint="default"/>
        <w:b/>
      </w:rPr>
    </w:lvl>
    <w:lvl w:ilvl="1">
      <w:start w:val="1"/>
      <w:numFmt w:val="decimal"/>
      <w:isLgl/>
      <w:lvlText w:val="%1.%2"/>
      <w:lvlJc w:val="left"/>
      <w:pPr>
        <w:ind w:left="106" w:hanging="390"/>
      </w:pPr>
      <w:rPr>
        <w:rFonts w:ascii="Times New Roman" w:hAnsi="Times New Roman" w:cs="Times New Roman" w:hint="default"/>
      </w:rPr>
    </w:lvl>
    <w:lvl w:ilvl="2">
      <w:start w:val="1"/>
      <w:numFmt w:val="decimal"/>
      <w:isLgl/>
      <w:lvlText w:val="%1.%2.%3"/>
      <w:lvlJc w:val="left"/>
      <w:pPr>
        <w:ind w:left="436" w:hanging="720"/>
      </w:pPr>
      <w:rPr>
        <w:rFonts w:ascii="Times New Roman" w:hAnsi="Times New Roman" w:cs="Times New Roman" w:hint="default"/>
      </w:rPr>
    </w:lvl>
    <w:lvl w:ilvl="3">
      <w:start w:val="1"/>
      <w:numFmt w:val="decimal"/>
      <w:isLgl/>
      <w:lvlText w:val="%1.%2.%3.%4"/>
      <w:lvlJc w:val="left"/>
      <w:pPr>
        <w:ind w:left="436" w:hanging="720"/>
      </w:pPr>
      <w:rPr>
        <w:rFonts w:ascii="Times New Roman" w:hAnsi="Times New Roman" w:cs="Times New Roman" w:hint="default"/>
      </w:rPr>
    </w:lvl>
    <w:lvl w:ilvl="4">
      <w:start w:val="1"/>
      <w:numFmt w:val="decimal"/>
      <w:isLgl/>
      <w:lvlText w:val="%1.%2.%3.%4.%5"/>
      <w:lvlJc w:val="left"/>
      <w:pPr>
        <w:ind w:left="436" w:hanging="720"/>
      </w:pPr>
      <w:rPr>
        <w:rFonts w:ascii="Times New Roman" w:hAnsi="Times New Roman" w:cs="Times New Roman" w:hint="default"/>
      </w:rPr>
    </w:lvl>
    <w:lvl w:ilvl="5">
      <w:start w:val="1"/>
      <w:numFmt w:val="decimal"/>
      <w:isLgl/>
      <w:lvlText w:val="%1.%2.%3.%4.%5.%6"/>
      <w:lvlJc w:val="left"/>
      <w:pPr>
        <w:ind w:left="796" w:hanging="1080"/>
      </w:pPr>
      <w:rPr>
        <w:rFonts w:ascii="Times New Roman" w:hAnsi="Times New Roman" w:cs="Times New Roman" w:hint="default"/>
      </w:rPr>
    </w:lvl>
    <w:lvl w:ilvl="6">
      <w:start w:val="1"/>
      <w:numFmt w:val="decimal"/>
      <w:isLgl/>
      <w:lvlText w:val="%1.%2.%3.%4.%5.%6.%7"/>
      <w:lvlJc w:val="left"/>
      <w:pPr>
        <w:ind w:left="796" w:hanging="1080"/>
      </w:pPr>
      <w:rPr>
        <w:rFonts w:ascii="Times New Roman" w:hAnsi="Times New Roman" w:cs="Times New Roman" w:hint="default"/>
      </w:rPr>
    </w:lvl>
    <w:lvl w:ilvl="7">
      <w:start w:val="1"/>
      <w:numFmt w:val="decimal"/>
      <w:isLgl/>
      <w:lvlText w:val="%1.%2.%3.%4.%5.%6.%7.%8"/>
      <w:lvlJc w:val="left"/>
      <w:pPr>
        <w:ind w:left="1156" w:hanging="1440"/>
      </w:pPr>
      <w:rPr>
        <w:rFonts w:ascii="Times New Roman" w:hAnsi="Times New Roman" w:cs="Times New Roman" w:hint="default"/>
      </w:rPr>
    </w:lvl>
    <w:lvl w:ilvl="8">
      <w:start w:val="1"/>
      <w:numFmt w:val="decimal"/>
      <w:isLgl/>
      <w:lvlText w:val="%1.%2.%3.%4.%5.%6.%7.%8.%9"/>
      <w:lvlJc w:val="left"/>
      <w:pPr>
        <w:ind w:left="1156" w:hanging="1440"/>
      </w:pPr>
      <w:rPr>
        <w:rFonts w:ascii="Times New Roman" w:hAnsi="Times New Roman" w:cs="Times New Roman" w:hint="default"/>
      </w:rPr>
    </w:lvl>
  </w:abstractNum>
  <w:abstractNum w:abstractNumId="1" w15:restartNumberingAfterBreak="0">
    <w:nsid w:val="251A01C4"/>
    <w:multiLevelType w:val="multilevel"/>
    <w:tmpl w:val="A7781CC0"/>
    <w:lvl w:ilvl="0">
      <w:start w:val="1"/>
      <w:numFmt w:val="decimal"/>
      <w:lvlText w:val="%1."/>
      <w:lvlJc w:val="left"/>
      <w:pPr>
        <w:ind w:left="1070" w:hanging="360"/>
      </w:pPr>
      <w:rPr>
        <w:rFonts w:ascii="Times New Roman" w:hAnsi="Times New Roman" w:cs="Times New Roman" w:hint="default"/>
        <w:b/>
      </w:rPr>
    </w:lvl>
    <w:lvl w:ilvl="1">
      <w:start w:val="1"/>
      <w:numFmt w:val="decimal"/>
      <w:isLgl/>
      <w:lvlText w:val="%1.%2"/>
      <w:lvlJc w:val="left"/>
      <w:pPr>
        <w:ind w:left="750" w:hanging="390"/>
      </w:pPr>
      <w:rPr>
        <w:rFonts w:ascii="Times New Roman" w:hAnsi="Times New Roman" w:cs="Times New Roman" w:hint="default"/>
        <w:i w:val="0"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ascii="Times New Roman" w:hAnsi="Times New Roman" w:cs="Times New Roman" w:hint="default"/>
      </w:rPr>
    </w:lvl>
    <w:lvl w:ilvl="3">
      <w:start w:val="1"/>
      <w:numFmt w:val="decimal"/>
      <w:isLgl/>
      <w:lvlText w:val="%1.%2.%3.%4"/>
      <w:lvlJc w:val="left"/>
      <w:pPr>
        <w:ind w:left="1080" w:hanging="720"/>
      </w:pPr>
      <w:rPr>
        <w:rFonts w:ascii="Times New Roman" w:hAnsi="Times New Roman" w:cs="Times New Roman" w:hint="default"/>
      </w:rPr>
    </w:lvl>
    <w:lvl w:ilvl="4">
      <w:start w:val="1"/>
      <w:numFmt w:val="decimal"/>
      <w:isLgl/>
      <w:lvlText w:val="%1.%2.%3.%4.%5"/>
      <w:lvlJc w:val="left"/>
      <w:pPr>
        <w:ind w:left="1080" w:hanging="720"/>
      </w:pPr>
      <w:rPr>
        <w:rFonts w:ascii="Times New Roman" w:hAnsi="Times New Roman" w:cs="Times New Roman" w:hint="default"/>
      </w:rPr>
    </w:lvl>
    <w:lvl w:ilvl="5">
      <w:start w:val="1"/>
      <w:numFmt w:val="decimal"/>
      <w:isLgl/>
      <w:lvlText w:val="%1.%2.%3.%4.%5.%6"/>
      <w:lvlJc w:val="left"/>
      <w:pPr>
        <w:ind w:left="1440" w:hanging="1080"/>
      </w:pPr>
      <w:rPr>
        <w:rFonts w:ascii="Times New Roman" w:hAnsi="Times New Roman" w:cs="Times New Roman" w:hint="default"/>
      </w:rPr>
    </w:lvl>
    <w:lvl w:ilvl="6">
      <w:start w:val="1"/>
      <w:numFmt w:val="decimal"/>
      <w:isLgl/>
      <w:lvlText w:val="%1.%2.%3.%4.%5.%6.%7"/>
      <w:lvlJc w:val="left"/>
      <w:pPr>
        <w:ind w:left="1440" w:hanging="1080"/>
      </w:pPr>
      <w:rPr>
        <w:rFonts w:ascii="Times New Roman" w:hAnsi="Times New Roman" w:cs="Times New Roman"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440"/>
      </w:pPr>
      <w:rPr>
        <w:rFonts w:ascii="Times New Roman" w:hAnsi="Times New Roman" w:cs="Times New Roman" w:hint="default"/>
      </w:rPr>
    </w:lvl>
    <w:lvl w:ilvl="8">
      <w:start w:val="1"/>
      <w:numFmt w:val="decimal"/>
      <w:isLgl/>
      <w:lvlText w:val="%1.%2.%3.%4.%5.%6.%7.%8.%9"/>
      <w:lvlJc w:val="left"/>
      <w:pPr>
        <w:ind w:left="1800" w:hanging="1440"/>
      </w:pPr>
      <w:rPr>
        <w:rFonts w:ascii="Times New Roman" w:hAnsi="Times New Roman" w:cs="Times New Roman" w:hint="default"/>
      </w:rPr>
    </w:lvl>
  </w:abstractNum>
  <w:abstractNum w:abstractNumId="2" w15:restartNumberingAfterBreak="0">
    <w:nsid w:val="375B5E1B"/>
    <w:multiLevelType w:val="multilevel"/>
    <w:tmpl w:val="A7781CC0"/>
    <w:lvl w:ilvl="0">
      <w:start w:val="1"/>
      <w:numFmt w:val="decimal"/>
      <w:lvlText w:val="%1."/>
      <w:lvlJc w:val="left"/>
      <w:pPr>
        <w:ind w:left="1070" w:hanging="360"/>
      </w:pPr>
      <w:rPr>
        <w:rFonts w:ascii="Times New Roman" w:hAnsi="Times New Roman" w:cs="Times New Roman" w:hint="default"/>
        <w:b/>
      </w:rPr>
    </w:lvl>
    <w:lvl w:ilvl="1">
      <w:start w:val="1"/>
      <w:numFmt w:val="decimal"/>
      <w:isLgl/>
      <w:lvlText w:val="%1.%2"/>
      <w:lvlJc w:val="left"/>
      <w:pPr>
        <w:ind w:left="750" w:hanging="390"/>
      </w:pPr>
      <w:rPr>
        <w:rFonts w:ascii="Times New Roman" w:hAnsi="Times New Roman" w:cs="Times New Roman" w:hint="default"/>
        <w:i w:val="0"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ascii="Times New Roman" w:hAnsi="Times New Roman" w:cs="Times New Roman" w:hint="default"/>
      </w:rPr>
    </w:lvl>
    <w:lvl w:ilvl="3">
      <w:start w:val="1"/>
      <w:numFmt w:val="decimal"/>
      <w:isLgl/>
      <w:lvlText w:val="%1.%2.%3.%4"/>
      <w:lvlJc w:val="left"/>
      <w:pPr>
        <w:ind w:left="1080" w:hanging="720"/>
      </w:pPr>
      <w:rPr>
        <w:rFonts w:ascii="Times New Roman" w:hAnsi="Times New Roman" w:cs="Times New Roman" w:hint="default"/>
      </w:rPr>
    </w:lvl>
    <w:lvl w:ilvl="4">
      <w:start w:val="1"/>
      <w:numFmt w:val="decimal"/>
      <w:isLgl/>
      <w:lvlText w:val="%1.%2.%3.%4.%5"/>
      <w:lvlJc w:val="left"/>
      <w:pPr>
        <w:ind w:left="1080" w:hanging="720"/>
      </w:pPr>
      <w:rPr>
        <w:rFonts w:ascii="Times New Roman" w:hAnsi="Times New Roman" w:cs="Times New Roman" w:hint="default"/>
      </w:rPr>
    </w:lvl>
    <w:lvl w:ilvl="5">
      <w:start w:val="1"/>
      <w:numFmt w:val="decimal"/>
      <w:isLgl/>
      <w:lvlText w:val="%1.%2.%3.%4.%5.%6"/>
      <w:lvlJc w:val="left"/>
      <w:pPr>
        <w:ind w:left="1440" w:hanging="1080"/>
      </w:pPr>
      <w:rPr>
        <w:rFonts w:ascii="Times New Roman" w:hAnsi="Times New Roman" w:cs="Times New Roman" w:hint="default"/>
      </w:rPr>
    </w:lvl>
    <w:lvl w:ilvl="6">
      <w:start w:val="1"/>
      <w:numFmt w:val="decimal"/>
      <w:isLgl/>
      <w:lvlText w:val="%1.%2.%3.%4.%5.%6.%7"/>
      <w:lvlJc w:val="left"/>
      <w:pPr>
        <w:ind w:left="1440" w:hanging="1080"/>
      </w:pPr>
      <w:rPr>
        <w:rFonts w:ascii="Times New Roman" w:hAnsi="Times New Roman" w:cs="Times New Roman"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440"/>
      </w:pPr>
      <w:rPr>
        <w:rFonts w:ascii="Times New Roman" w:hAnsi="Times New Roman" w:cs="Times New Roman" w:hint="default"/>
      </w:rPr>
    </w:lvl>
    <w:lvl w:ilvl="8">
      <w:start w:val="1"/>
      <w:numFmt w:val="decimal"/>
      <w:isLgl/>
      <w:lvlText w:val="%1.%2.%3.%4.%5.%6.%7.%8.%9"/>
      <w:lvlJc w:val="left"/>
      <w:pPr>
        <w:ind w:left="1800" w:hanging="1440"/>
      </w:pPr>
      <w:rPr>
        <w:rFonts w:ascii="Times New Roman" w:hAnsi="Times New Roman" w:cs="Times New Roman" w:hint="default"/>
      </w:rPr>
    </w:lvl>
  </w:abstractNum>
  <w:abstractNum w:abstractNumId="3" w15:restartNumberingAfterBreak="0">
    <w:nsid w:val="41F815FF"/>
    <w:multiLevelType w:val="hybridMultilevel"/>
    <w:tmpl w:val="95AC928A"/>
    <w:lvl w:ilvl="0" w:tplc="87C621E4">
      <w:numFmt w:val="bullet"/>
      <w:lvlText w:val=""/>
      <w:lvlJc w:val="left"/>
      <w:pPr>
        <w:ind w:left="720" w:hanging="360"/>
      </w:pPr>
      <w:rPr>
        <w:rFonts w:ascii="Symbol" w:eastAsiaTheme="minorEastAsia" w:hAnsi="Symbol" w:cs="Calibri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473C1F5F"/>
    <w:multiLevelType w:val="multilevel"/>
    <w:tmpl w:val="A7781CC0"/>
    <w:lvl w:ilvl="0">
      <w:start w:val="1"/>
      <w:numFmt w:val="decimal"/>
      <w:lvlText w:val="%1."/>
      <w:lvlJc w:val="left"/>
      <w:pPr>
        <w:ind w:left="1070" w:hanging="360"/>
      </w:pPr>
      <w:rPr>
        <w:rFonts w:ascii="Times New Roman" w:hAnsi="Times New Roman" w:cs="Times New Roman" w:hint="default"/>
        <w:b/>
      </w:rPr>
    </w:lvl>
    <w:lvl w:ilvl="1">
      <w:start w:val="1"/>
      <w:numFmt w:val="decimal"/>
      <w:isLgl/>
      <w:lvlText w:val="%1.%2"/>
      <w:lvlJc w:val="left"/>
      <w:pPr>
        <w:ind w:left="750" w:hanging="390"/>
      </w:pPr>
      <w:rPr>
        <w:rFonts w:ascii="Times New Roman" w:hAnsi="Times New Roman" w:cs="Times New Roman" w:hint="default"/>
        <w:i w:val="0"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ascii="Times New Roman" w:hAnsi="Times New Roman" w:cs="Times New Roman" w:hint="default"/>
      </w:rPr>
    </w:lvl>
    <w:lvl w:ilvl="3">
      <w:start w:val="1"/>
      <w:numFmt w:val="decimal"/>
      <w:isLgl/>
      <w:lvlText w:val="%1.%2.%3.%4"/>
      <w:lvlJc w:val="left"/>
      <w:pPr>
        <w:ind w:left="1080" w:hanging="720"/>
      </w:pPr>
      <w:rPr>
        <w:rFonts w:ascii="Times New Roman" w:hAnsi="Times New Roman" w:cs="Times New Roman" w:hint="default"/>
      </w:rPr>
    </w:lvl>
    <w:lvl w:ilvl="4">
      <w:start w:val="1"/>
      <w:numFmt w:val="decimal"/>
      <w:isLgl/>
      <w:lvlText w:val="%1.%2.%3.%4.%5"/>
      <w:lvlJc w:val="left"/>
      <w:pPr>
        <w:ind w:left="1080" w:hanging="720"/>
      </w:pPr>
      <w:rPr>
        <w:rFonts w:ascii="Times New Roman" w:hAnsi="Times New Roman" w:cs="Times New Roman" w:hint="default"/>
      </w:rPr>
    </w:lvl>
    <w:lvl w:ilvl="5">
      <w:start w:val="1"/>
      <w:numFmt w:val="decimal"/>
      <w:isLgl/>
      <w:lvlText w:val="%1.%2.%3.%4.%5.%6"/>
      <w:lvlJc w:val="left"/>
      <w:pPr>
        <w:ind w:left="1440" w:hanging="1080"/>
      </w:pPr>
      <w:rPr>
        <w:rFonts w:ascii="Times New Roman" w:hAnsi="Times New Roman" w:cs="Times New Roman" w:hint="default"/>
      </w:rPr>
    </w:lvl>
    <w:lvl w:ilvl="6">
      <w:start w:val="1"/>
      <w:numFmt w:val="decimal"/>
      <w:isLgl/>
      <w:lvlText w:val="%1.%2.%3.%4.%5.%6.%7"/>
      <w:lvlJc w:val="left"/>
      <w:pPr>
        <w:ind w:left="1440" w:hanging="1080"/>
      </w:pPr>
      <w:rPr>
        <w:rFonts w:ascii="Times New Roman" w:hAnsi="Times New Roman" w:cs="Times New Roman"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440"/>
      </w:pPr>
      <w:rPr>
        <w:rFonts w:ascii="Times New Roman" w:hAnsi="Times New Roman" w:cs="Times New Roman" w:hint="default"/>
      </w:rPr>
    </w:lvl>
    <w:lvl w:ilvl="8">
      <w:start w:val="1"/>
      <w:numFmt w:val="decimal"/>
      <w:isLgl/>
      <w:lvlText w:val="%1.%2.%3.%4.%5.%6.%7.%8.%9"/>
      <w:lvlJc w:val="left"/>
      <w:pPr>
        <w:ind w:left="1800" w:hanging="1440"/>
      </w:pPr>
      <w:rPr>
        <w:rFonts w:ascii="Times New Roman" w:hAnsi="Times New Roman" w:cs="Times New Roman" w:hint="default"/>
      </w:rPr>
    </w:lvl>
  </w:abstractNum>
  <w:abstractNum w:abstractNumId="5" w15:restartNumberingAfterBreak="0">
    <w:nsid w:val="4F1D42BF"/>
    <w:multiLevelType w:val="hybridMultilevel"/>
    <w:tmpl w:val="A9D863B4"/>
    <w:lvl w:ilvl="0" w:tplc="F084779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8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Symbol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Symbol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Symbol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5E0C3B68"/>
    <w:multiLevelType w:val="multilevel"/>
    <w:tmpl w:val="D79065DC"/>
    <w:lvl w:ilvl="0">
      <w:start w:val="1"/>
      <w:numFmt w:val="decimal"/>
      <w:lvlText w:val="%1."/>
      <w:lvlJc w:val="left"/>
      <w:pPr>
        <w:ind w:left="1070" w:hanging="360"/>
      </w:pPr>
      <w:rPr>
        <w:rFonts w:ascii="Times New Roman" w:hAnsi="Times New Roman" w:cs="Times New Roman" w:hint="default"/>
        <w:b/>
        <w:sz w:val="28"/>
        <w:szCs w:val="28"/>
      </w:rPr>
    </w:lvl>
    <w:lvl w:ilvl="1">
      <w:start w:val="1"/>
      <w:numFmt w:val="decimal"/>
      <w:isLgl/>
      <w:lvlText w:val="%1.%2"/>
      <w:lvlJc w:val="left"/>
      <w:pPr>
        <w:ind w:left="750" w:hanging="390"/>
      </w:pPr>
      <w:rPr>
        <w:rFonts w:ascii="Times New Roman" w:hAnsi="Times New Roman" w:cs="Times New Roman" w:hint="default"/>
        <w:i w:val="0"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ascii="Times New Roman" w:hAnsi="Times New Roman" w:cs="Times New Roman" w:hint="default"/>
      </w:rPr>
    </w:lvl>
    <w:lvl w:ilvl="3">
      <w:start w:val="1"/>
      <w:numFmt w:val="decimal"/>
      <w:isLgl/>
      <w:lvlText w:val="%1.%2.%3.%4"/>
      <w:lvlJc w:val="left"/>
      <w:pPr>
        <w:ind w:left="1080" w:hanging="720"/>
      </w:pPr>
      <w:rPr>
        <w:rFonts w:ascii="Times New Roman" w:hAnsi="Times New Roman" w:cs="Times New Roman" w:hint="default"/>
      </w:rPr>
    </w:lvl>
    <w:lvl w:ilvl="4">
      <w:start w:val="1"/>
      <w:numFmt w:val="decimal"/>
      <w:isLgl/>
      <w:lvlText w:val="%1.%2.%3.%4.%5"/>
      <w:lvlJc w:val="left"/>
      <w:pPr>
        <w:ind w:left="1080" w:hanging="720"/>
      </w:pPr>
      <w:rPr>
        <w:rFonts w:ascii="Times New Roman" w:hAnsi="Times New Roman" w:cs="Times New Roman" w:hint="default"/>
      </w:rPr>
    </w:lvl>
    <w:lvl w:ilvl="5">
      <w:start w:val="1"/>
      <w:numFmt w:val="decimal"/>
      <w:isLgl/>
      <w:lvlText w:val="%1.%2.%3.%4.%5.%6"/>
      <w:lvlJc w:val="left"/>
      <w:pPr>
        <w:ind w:left="1440" w:hanging="1080"/>
      </w:pPr>
      <w:rPr>
        <w:rFonts w:ascii="Times New Roman" w:hAnsi="Times New Roman" w:cs="Times New Roman" w:hint="default"/>
      </w:rPr>
    </w:lvl>
    <w:lvl w:ilvl="6">
      <w:start w:val="1"/>
      <w:numFmt w:val="decimal"/>
      <w:isLgl/>
      <w:lvlText w:val="%1.%2.%3.%4.%5.%6.%7"/>
      <w:lvlJc w:val="left"/>
      <w:pPr>
        <w:ind w:left="1440" w:hanging="1080"/>
      </w:pPr>
      <w:rPr>
        <w:rFonts w:ascii="Times New Roman" w:hAnsi="Times New Roman" w:cs="Times New Roman"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440"/>
      </w:pPr>
      <w:rPr>
        <w:rFonts w:ascii="Times New Roman" w:hAnsi="Times New Roman" w:cs="Times New Roman" w:hint="default"/>
      </w:rPr>
    </w:lvl>
    <w:lvl w:ilvl="8">
      <w:start w:val="1"/>
      <w:numFmt w:val="decimal"/>
      <w:isLgl/>
      <w:lvlText w:val="%1.%2.%3.%4.%5.%6.%7.%8.%9"/>
      <w:lvlJc w:val="left"/>
      <w:pPr>
        <w:ind w:left="1800" w:hanging="1440"/>
      </w:pPr>
      <w:rPr>
        <w:rFonts w:ascii="Times New Roman" w:hAnsi="Times New Roman" w:cs="Times New Roman" w:hint="default"/>
      </w:rPr>
    </w:lvl>
  </w:abstractNum>
  <w:abstractNum w:abstractNumId="7" w15:restartNumberingAfterBreak="0">
    <w:nsid w:val="6D477DAF"/>
    <w:multiLevelType w:val="hybridMultilevel"/>
    <w:tmpl w:val="230E4B0C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6"/>
  </w:num>
  <w:num w:numId="2">
    <w:abstractNumId w:val="0"/>
  </w:num>
  <w:num w:numId="3">
    <w:abstractNumId w:val="2"/>
  </w:num>
  <w:num w:numId="4">
    <w:abstractNumId w:val="1"/>
  </w:num>
  <w:num w:numId="5">
    <w:abstractNumId w:val="4"/>
  </w:num>
  <w:num w:numId="6">
    <w:abstractNumId w:val="7"/>
  </w:num>
  <w:num w:numId="7">
    <w:abstractNumId w:val="3"/>
  </w:num>
  <w:num w:numId="8">
    <w:abstractNumId w:val="5"/>
  </w:num>
  <w:numIdMacAtCleanup w:val="1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embedSystemFonts/>
  <w:hideSpellingErrors/>
  <w:hideGrammaticalErrors/>
  <w:proofState w:spelling="clean" w:grammar="clean"/>
  <w:defaultTabStop w:val="720"/>
  <w:doNotHyphenateCaps/>
  <w:characterSpacingControl w:val="doNotCompress"/>
  <w:doNotValidateAgainstSchema/>
  <w:doNotDemarcateInvalidXml/>
  <w:hdrShapeDefaults>
    <o:shapedefaults v:ext="edit" spidmax="36865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B61F11"/>
    <w:rsid w:val="0000156C"/>
    <w:rsid w:val="00022544"/>
    <w:rsid w:val="00024F82"/>
    <w:rsid w:val="00034387"/>
    <w:rsid w:val="00036059"/>
    <w:rsid w:val="0003634B"/>
    <w:rsid w:val="00037DF9"/>
    <w:rsid w:val="000572F9"/>
    <w:rsid w:val="0006337A"/>
    <w:rsid w:val="00072577"/>
    <w:rsid w:val="000933AA"/>
    <w:rsid w:val="00093E72"/>
    <w:rsid w:val="000A3809"/>
    <w:rsid w:val="000B3074"/>
    <w:rsid w:val="000B703A"/>
    <w:rsid w:val="000D1DFF"/>
    <w:rsid w:val="000D2CEE"/>
    <w:rsid w:val="000E5E18"/>
    <w:rsid w:val="000F04B2"/>
    <w:rsid w:val="000F1249"/>
    <w:rsid w:val="000F1435"/>
    <w:rsid w:val="00106858"/>
    <w:rsid w:val="00110CF1"/>
    <w:rsid w:val="00117345"/>
    <w:rsid w:val="00131FB9"/>
    <w:rsid w:val="00156F78"/>
    <w:rsid w:val="00177369"/>
    <w:rsid w:val="00196196"/>
    <w:rsid w:val="00196B82"/>
    <w:rsid w:val="001B0E7A"/>
    <w:rsid w:val="001B224B"/>
    <w:rsid w:val="001B67E7"/>
    <w:rsid w:val="001D08F2"/>
    <w:rsid w:val="001D2CAC"/>
    <w:rsid w:val="001D5B0E"/>
    <w:rsid w:val="001F45CC"/>
    <w:rsid w:val="001F556A"/>
    <w:rsid w:val="00210BF0"/>
    <w:rsid w:val="002248E0"/>
    <w:rsid w:val="00224DD7"/>
    <w:rsid w:val="00236A12"/>
    <w:rsid w:val="00237D3D"/>
    <w:rsid w:val="002562E8"/>
    <w:rsid w:val="00267447"/>
    <w:rsid w:val="002716E4"/>
    <w:rsid w:val="00296A30"/>
    <w:rsid w:val="002A4004"/>
    <w:rsid w:val="002A4829"/>
    <w:rsid w:val="002C5659"/>
    <w:rsid w:val="002C75DF"/>
    <w:rsid w:val="002D05F5"/>
    <w:rsid w:val="002D2E20"/>
    <w:rsid w:val="002F0B7C"/>
    <w:rsid w:val="002F4952"/>
    <w:rsid w:val="003035BD"/>
    <w:rsid w:val="00310DA2"/>
    <w:rsid w:val="00311D97"/>
    <w:rsid w:val="0031686C"/>
    <w:rsid w:val="003268E4"/>
    <w:rsid w:val="00327036"/>
    <w:rsid w:val="00332728"/>
    <w:rsid w:val="00337808"/>
    <w:rsid w:val="00351A1C"/>
    <w:rsid w:val="00366252"/>
    <w:rsid w:val="00374EF3"/>
    <w:rsid w:val="0037578F"/>
    <w:rsid w:val="0037590B"/>
    <w:rsid w:val="00390028"/>
    <w:rsid w:val="00390FD3"/>
    <w:rsid w:val="003A0967"/>
    <w:rsid w:val="003A6F26"/>
    <w:rsid w:val="003A7B6D"/>
    <w:rsid w:val="003B0A52"/>
    <w:rsid w:val="003D55C4"/>
    <w:rsid w:val="003D59E8"/>
    <w:rsid w:val="003E4156"/>
    <w:rsid w:val="003F0493"/>
    <w:rsid w:val="003F60A1"/>
    <w:rsid w:val="003F7FAF"/>
    <w:rsid w:val="00402856"/>
    <w:rsid w:val="00412A1D"/>
    <w:rsid w:val="004242B7"/>
    <w:rsid w:val="00451C2F"/>
    <w:rsid w:val="0045751D"/>
    <w:rsid w:val="004615A6"/>
    <w:rsid w:val="00462119"/>
    <w:rsid w:val="00462450"/>
    <w:rsid w:val="00464D2C"/>
    <w:rsid w:val="00467EF3"/>
    <w:rsid w:val="00471840"/>
    <w:rsid w:val="0047469A"/>
    <w:rsid w:val="0047558D"/>
    <w:rsid w:val="00493C50"/>
    <w:rsid w:val="004B46D8"/>
    <w:rsid w:val="004B6230"/>
    <w:rsid w:val="004B668A"/>
    <w:rsid w:val="004B6C44"/>
    <w:rsid w:val="004C179C"/>
    <w:rsid w:val="004D51B3"/>
    <w:rsid w:val="004D5D51"/>
    <w:rsid w:val="004D74E2"/>
    <w:rsid w:val="004D7CCC"/>
    <w:rsid w:val="004E7854"/>
    <w:rsid w:val="004F1E17"/>
    <w:rsid w:val="004F441B"/>
    <w:rsid w:val="00501A32"/>
    <w:rsid w:val="00503D83"/>
    <w:rsid w:val="00505E31"/>
    <w:rsid w:val="00512DF0"/>
    <w:rsid w:val="00525DF8"/>
    <w:rsid w:val="00527B31"/>
    <w:rsid w:val="00532B35"/>
    <w:rsid w:val="0053584F"/>
    <w:rsid w:val="00540FD6"/>
    <w:rsid w:val="005508FC"/>
    <w:rsid w:val="0055237E"/>
    <w:rsid w:val="00566659"/>
    <w:rsid w:val="00572B48"/>
    <w:rsid w:val="00575DEC"/>
    <w:rsid w:val="005E7A22"/>
    <w:rsid w:val="005F5D6D"/>
    <w:rsid w:val="005F7A87"/>
    <w:rsid w:val="00600F84"/>
    <w:rsid w:val="00605311"/>
    <w:rsid w:val="00612EF9"/>
    <w:rsid w:val="006315B2"/>
    <w:rsid w:val="00632A79"/>
    <w:rsid w:val="00644427"/>
    <w:rsid w:val="00646D46"/>
    <w:rsid w:val="006504FA"/>
    <w:rsid w:val="00667293"/>
    <w:rsid w:val="00670FDF"/>
    <w:rsid w:val="00692EA1"/>
    <w:rsid w:val="006A3BB6"/>
    <w:rsid w:val="006C30E7"/>
    <w:rsid w:val="006D481A"/>
    <w:rsid w:val="006E387F"/>
    <w:rsid w:val="006F60F6"/>
    <w:rsid w:val="00705684"/>
    <w:rsid w:val="00710B0E"/>
    <w:rsid w:val="00712A31"/>
    <w:rsid w:val="007247C2"/>
    <w:rsid w:val="007262F5"/>
    <w:rsid w:val="007404CB"/>
    <w:rsid w:val="00746E71"/>
    <w:rsid w:val="00765F1A"/>
    <w:rsid w:val="00771B01"/>
    <w:rsid w:val="00773EA7"/>
    <w:rsid w:val="007A5F6E"/>
    <w:rsid w:val="007C4210"/>
    <w:rsid w:val="007C436B"/>
    <w:rsid w:val="007C60B3"/>
    <w:rsid w:val="007C7C36"/>
    <w:rsid w:val="007D399B"/>
    <w:rsid w:val="007E1388"/>
    <w:rsid w:val="007E2E82"/>
    <w:rsid w:val="007F0BAA"/>
    <w:rsid w:val="007F5937"/>
    <w:rsid w:val="008158B5"/>
    <w:rsid w:val="00822C6C"/>
    <w:rsid w:val="00834C6F"/>
    <w:rsid w:val="00843FE3"/>
    <w:rsid w:val="008641F6"/>
    <w:rsid w:val="00867928"/>
    <w:rsid w:val="0088615D"/>
    <w:rsid w:val="008A0D3F"/>
    <w:rsid w:val="008A5FEC"/>
    <w:rsid w:val="008B490D"/>
    <w:rsid w:val="008D2606"/>
    <w:rsid w:val="00903851"/>
    <w:rsid w:val="009134C5"/>
    <w:rsid w:val="009170BD"/>
    <w:rsid w:val="00920836"/>
    <w:rsid w:val="00930428"/>
    <w:rsid w:val="00940B33"/>
    <w:rsid w:val="00970777"/>
    <w:rsid w:val="00974E65"/>
    <w:rsid w:val="009A4D9C"/>
    <w:rsid w:val="009A77E5"/>
    <w:rsid w:val="009B1B76"/>
    <w:rsid w:val="009B73C7"/>
    <w:rsid w:val="009D033E"/>
    <w:rsid w:val="009D69FD"/>
    <w:rsid w:val="009E232D"/>
    <w:rsid w:val="009F0BB6"/>
    <w:rsid w:val="009F6C05"/>
    <w:rsid w:val="00A059C3"/>
    <w:rsid w:val="00A07AA8"/>
    <w:rsid w:val="00A203D3"/>
    <w:rsid w:val="00A2047E"/>
    <w:rsid w:val="00A21121"/>
    <w:rsid w:val="00A21585"/>
    <w:rsid w:val="00A25469"/>
    <w:rsid w:val="00A2551C"/>
    <w:rsid w:val="00A64672"/>
    <w:rsid w:val="00A84662"/>
    <w:rsid w:val="00A8627F"/>
    <w:rsid w:val="00A869FF"/>
    <w:rsid w:val="00AA56CE"/>
    <w:rsid w:val="00AB3D17"/>
    <w:rsid w:val="00AC26E8"/>
    <w:rsid w:val="00AD1E47"/>
    <w:rsid w:val="00AF0D2D"/>
    <w:rsid w:val="00AF235B"/>
    <w:rsid w:val="00B04CC8"/>
    <w:rsid w:val="00B061A6"/>
    <w:rsid w:val="00B15A6C"/>
    <w:rsid w:val="00B15F4E"/>
    <w:rsid w:val="00B2261F"/>
    <w:rsid w:val="00B23080"/>
    <w:rsid w:val="00B34881"/>
    <w:rsid w:val="00B3491E"/>
    <w:rsid w:val="00B35CE3"/>
    <w:rsid w:val="00B45001"/>
    <w:rsid w:val="00B450AA"/>
    <w:rsid w:val="00B61F11"/>
    <w:rsid w:val="00B65715"/>
    <w:rsid w:val="00B77D16"/>
    <w:rsid w:val="00B811D4"/>
    <w:rsid w:val="00B83374"/>
    <w:rsid w:val="00B84033"/>
    <w:rsid w:val="00B9074F"/>
    <w:rsid w:val="00B90E47"/>
    <w:rsid w:val="00B948D4"/>
    <w:rsid w:val="00BB1820"/>
    <w:rsid w:val="00BC2A31"/>
    <w:rsid w:val="00BD0CB9"/>
    <w:rsid w:val="00BE534E"/>
    <w:rsid w:val="00BE78F9"/>
    <w:rsid w:val="00BE7AAB"/>
    <w:rsid w:val="00BF36F0"/>
    <w:rsid w:val="00C00370"/>
    <w:rsid w:val="00C10E8F"/>
    <w:rsid w:val="00C13BF0"/>
    <w:rsid w:val="00C41AB7"/>
    <w:rsid w:val="00C431F6"/>
    <w:rsid w:val="00C44225"/>
    <w:rsid w:val="00C55902"/>
    <w:rsid w:val="00C57797"/>
    <w:rsid w:val="00C57C28"/>
    <w:rsid w:val="00C77CA7"/>
    <w:rsid w:val="00C8230E"/>
    <w:rsid w:val="00C85989"/>
    <w:rsid w:val="00C92BF0"/>
    <w:rsid w:val="00CC2823"/>
    <w:rsid w:val="00CC7BB7"/>
    <w:rsid w:val="00CC7C01"/>
    <w:rsid w:val="00CD194A"/>
    <w:rsid w:val="00CE10B3"/>
    <w:rsid w:val="00CE648F"/>
    <w:rsid w:val="00D12664"/>
    <w:rsid w:val="00D26494"/>
    <w:rsid w:val="00D3159D"/>
    <w:rsid w:val="00D52884"/>
    <w:rsid w:val="00D806BF"/>
    <w:rsid w:val="00D8485A"/>
    <w:rsid w:val="00D9713C"/>
    <w:rsid w:val="00DB254C"/>
    <w:rsid w:val="00DB6832"/>
    <w:rsid w:val="00DB7731"/>
    <w:rsid w:val="00DC200E"/>
    <w:rsid w:val="00DC39AD"/>
    <w:rsid w:val="00DC479D"/>
    <w:rsid w:val="00DD2333"/>
    <w:rsid w:val="00DD39BE"/>
    <w:rsid w:val="00DE0DB0"/>
    <w:rsid w:val="00DE2848"/>
    <w:rsid w:val="00DF5B43"/>
    <w:rsid w:val="00E13984"/>
    <w:rsid w:val="00E153C0"/>
    <w:rsid w:val="00E424D7"/>
    <w:rsid w:val="00E44A32"/>
    <w:rsid w:val="00E668EB"/>
    <w:rsid w:val="00E704E2"/>
    <w:rsid w:val="00E726F3"/>
    <w:rsid w:val="00E7275C"/>
    <w:rsid w:val="00EB57E9"/>
    <w:rsid w:val="00EC5B6A"/>
    <w:rsid w:val="00EC7D7A"/>
    <w:rsid w:val="00ED6A4E"/>
    <w:rsid w:val="00EE671A"/>
    <w:rsid w:val="00EE6737"/>
    <w:rsid w:val="00EE797C"/>
    <w:rsid w:val="00EE7E5E"/>
    <w:rsid w:val="00EF397C"/>
    <w:rsid w:val="00EF7A54"/>
    <w:rsid w:val="00F0677A"/>
    <w:rsid w:val="00F16CE0"/>
    <w:rsid w:val="00F17F3E"/>
    <w:rsid w:val="00F23D92"/>
    <w:rsid w:val="00F2577D"/>
    <w:rsid w:val="00F32A50"/>
    <w:rsid w:val="00F33FEE"/>
    <w:rsid w:val="00F35D1A"/>
    <w:rsid w:val="00F363A6"/>
    <w:rsid w:val="00F83A2C"/>
    <w:rsid w:val="00F8410D"/>
    <w:rsid w:val="00FA2575"/>
    <w:rsid w:val="00FC4AF5"/>
    <w:rsid w:val="00FF093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36865"/>
    <o:shapelayout v:ext="edit">
      <o:idmap v:ext="edit" data="1"/>
    </o:shapelayout>
  </w:shapeDefaults>
  <w:decimalSymbol w:val="."/>
  <w:listSeparator w:val=","/>
  <w14:docId w14:val="57B130D3"/>
  <w15:docId w15:val="{3E806E0A-EFC2-4617-B9D0-B5161DC27D8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/>
    <w:lsdException w:name="toc 2" w:semiHidden="1" w:uiPriority="39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/>
    <w:lsdException w:name="footer" w:semiHidden="1"/>
    <w:lsdException w:name="index heading" w:semiHidden="1" w:unhideWhenUsed="1"/>
    <w:lsdException w:name="caption" w:semiHidden="1" w:uiPriority="0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374EF3"/>
    <w:rPr>
      <w:rFonts w:ascii="Calibri" w:hAnsi="Calibri" w:cs="Calibri"/>
      <w:sz w:val="24"/>
      <w:szCs w:val="24"/>
      <w:lang w:val="en-GB" w:eastAsia="en-GB"/>
    </w:rPr>
  </w:style>
  <w:style w:type="paragraph" w:styleId="Heading1">
    <w:name w:val="heading 1"/>
    <w:basedOn w:val="Normal"/>
    <w:next w:val="Normal"/>
    <w:link w:val="Heading1Char"/>
    <w:uiPriority w:val="9"/>
    <w:qFormat/>
    <w:rsid w:val="00374EF3"/>
    <w:pPr>
      <w:keepNext/>
      <w:keepLines/>
      <w:spacing w:before="480"/>
      <w:outlineLvl w:val="0"/>
    </w:pPr>
    <w:rPr>
      <w:rFonts w:ascii="Cambria" w:hAnsi="Cambria" w:cs="Cambria"/>
      <w:b/>
      <w:bCs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9"/>
    <w:qFormat/>
    <w:rsid w:val="00374EF3"/>
    <w:pPr>
      <w:keepNext/>
      <w:keepLines/>
      <w:spacing w:before="200"/>
      <w:outlineLvl w:val="1"/>
    </w:pPr>
    <w:rPr>
      <w:rFonts w:ascii="Cambria" w:hAnsi="Cambria" w:cs="Cambria"/>
      <w:b/>
      <w:bCs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5E7A22"/>
    <w:pPr>
      <w:keepNext/>
      <w:keepLines/>
      <w:spacing w:before="200" w:line="259" w:lineRule="auto"/>
      <w:outlineLvl w:val="2"/>
    </w:pPr>
    <w:rPr>
      <w:rFonts w:asciiTheme="majorHAnsi" w:eastAsiaTheme="majorEastAsia" w:hAnsiTheme="majorHAnsi" w:cstheme="majorBidi"/>
      <w:b/>
      <w:bCs/>
      <w:color w:val="4F81BD" w:themeColor="accent1"/>
      <w:sz w:val="22"/>
      <w:szCs w:val="22"/>
      <w:lang w:eastAsia="en-US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5E7A22"/>
    <w:pPr>
      <w:keepNext/>
      <w:keepLines/>
      <w:spacing w:before="200" w:line="259" w:lineRule="auto"/>
      <w:outlineLvl w:val="3"/>
    </w:pPr>
    <w:rPr>
      <w:rFonts w:asciiTheme="majorHAnsi" w:eastAsiaTheme="majorEastAsia" w:hAnsiTheme="majorHAnsi" w:cstheme="majorBidi"/>
      <w:b/>
      <w:bCs/>
      <w:i/>
      <w:iCs/>
      <w:color w:val="4F81BD" w:themeColor="accent1"/>
      <w:sz w:val="22"/>
      <w:szCs w:val="22"/>
      <w:lang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374EF3"/>
    <w:rPr>
      <w:rFonts w:ascii="Cambria" w:hAnsi="Cambria" w:cs="Cambria"/>
      <w:b/>
      <w:bCs/>
      <w:color w:val="auto"/>
      <w:sz w:val="28"/>
      <w:szCs w:val="28"/>
      <w:lang w:eastAsia="en-GB"/>
    </w:rPr>
  </w:style>
  <w:style w:type="character" w:customStyle="1" w:styleId="Heading2Char">
    <w:name w:val="Heading 2 Char"/>
    <w:basedOn w:val="DefaultParagraphFont"/>
    <w:link w:val="Heading2"/>
    <w:uiPriority w:val="9"/>
    <w:rsid w:val="00374EF3"/>
    <w:rPr>
      <w:rFonts w:ascii="Cambria" w:hAnsi="Cambria" w:cs="Cambria"/>
      <w:b/>
      <w:bCs/>
      <w:color w:val="auto"/>
      <w:sz w:val="26"/>
      <w:szCs w:val="26"/>
      <w:lang w:eastAsia="en-GB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5E7A22"/>
    <w:rPr>
      <w:rFonts w:asciiTheme="majorHAnsi" w:eastAsiaTheme="majorEastAsia" w:hAnsiTheme="majorHAnsi" w:cstheme="majorBidi"/>
      <w:b/>
      <w:bCs/>
      <w:color w:val="4F81BD" w:themeColor="accent1"/>
      <w:lang w:val="en-GB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5E7A22"/>
    <w:rPr>
      <w:rFonts w:asciiTheme="majorHAnsi" w:eastAsiaTheme="majorEastAsia" w:hAnsiTheme="majorHAnsi" w:cstheme="majorBidi"/>
      <w:b/>
      <w:bCs/>
      <w:i/>
      <w:iCs/>
      <w:color w:val="4F81BD" w:themeColor="accent1"/>
      <w:lang w:val="en-GB"/>
    </w:rPr>
  </w:style>
  <w:style w:type="paragraph" w:styleId="Header">
    <w:name w:val="header"/>
    <w:basedOn w:val="Normal"/>
    <w:link w:val="HeaderChar"/>
    <w:uiPriority w:val="99"/>
    <w:rsid w:val="00374EF3"/>
    <w:pPr>
      <w:tabs>
        <w:tab w:val="center" w:pos="4513"/>
        <w:tab w:val="right" w:pos="9026"/>
      </w:tabs>
    </w:pPr>
    <w:rPr>
      <w:sz w:val="22"/>
      <w:szCs w:val="22"/>
      <w:lang w:eastAsia="en-US"/>
    </w:rPr>
  </w:style>
  <w:style w:type="character" w:customStyle="1" w:styleId="HeaderChar">
    <w:name w:val="Header Char"/>
    <w:basedOn w:val="DefaultParagraphFont"/>
    <w:link w:val="Header"/>
    <w:uiPriority w:val="99"/>
    <w:rsid w:val="00374EF3"/>
    <w:rPr>
      <w:rFonts w:ascii="Times New Roman" w:hAnsi="Times New Roman" w:cs="Times New Roman"/>
    </w:rPr>
  </w:style>
  <w:style w:type="paragraph" w:styleId="Footer">
    <w:name w:val="footer"/>
    <w:basedOn w:val="Normal"/>
    <w:link w:val="FooterChar"/>
    <w:uiPriority w:val="99"/>
    <w:rsid w:val="00374EF3"/>
    <w:pPr>
      <w:tabs>
        <w:tab w:val="center" w:pos="4513"/>
        <w:tab w:val="right" w:pos="9026"/>
      </w:tabs>
    </w:pPr>
    <w:rPr>
      <w:sz w:val="22"/>
      <w:szCs w:val="22"/>
      <w:lang w:eastAsia="en-US"/>
    </w:rPr>
  </w:style>
  <w:style w:type="character" w:customStyle="1" w:styleId="FooterChar">
    <w:name w:val="Footer Char"/>
    <w:basedOn w:val="DefaultParagraphFont"/>
    <w:link w:val="Footer"/>
    <w:uiPriority w:val="99"/>
    <w:rsid w:val="00374EF3"/>
    <w:rPr>
      <w:rFonts w:ascii="Times New Roman" w:hAnsi="Times New Roman" w:cs="Times New Roman"/>
    </w:rPr>
  </w:style>
  <w:style w:type="paragraph" w:styleId="BalloonText">
    <w:name w:val="Balloon Text"/>
    <w:basedOn w:val="Normal"/>
    <w:link w:val="BalloonTextChar"/>
    <w:uiPriority w:val="99"/>
    <w:rsid w:val="00374EF3"/>
    <w:rPr>
      <w:rFonts w:ascii="Tahoma" w:hAnsi="Tahoma" w:cs="Tahoma"/>
      <w:sz w:val="16"/>
      <w:szCs w:val="16"/>
      <w:lang w:eastAsia="en-US"/>
    </w:rPr>
  </w:style>
  <w:style w:type="character" w:customStyle="1" w:styleId="BalloonTextChar">
    <w:name w:val="Balloon Text Char"/>
    <w:basedOn w:val="DefaultParagraphFont"/>
    <w:link w:val="BalloonText"/>
    <w:uiPriority w:val="99"/>
    <w:rsid w:val="00374EF3"/>
    <w:rPr>
      <w:rFonts w:ascii="Tahoma" w:hAnsi="Tahoma" w:cs="Tahoma"/>
      <w:sz w:val="16"/>
      <w:szCs w:val="16"/>
    </w:rPr>
  </w:style>
  <w:style w:type="paragraph" w:styleId="TOCHeading">
    <w:name w:val="TOC Heading"/>
    <w:basedOn w:val="Heading1"/>
    <w:next w:val="Normal"/>
    <w:uiPriority w:val="39"/>
    <w:qFormat/>
    <w:rsid w:val="00374EF3"/>
    <w:pPr>
      <w:spacing w:line="276" w:lineRule="auto"/>
      <w:outlineLvl w:val="9"/>
    </w:pPr>
    <w:rPr>
      <w:lang w:val="en-US" w:eastAsia="en-US"/>
    </w:rPr>
  </w:style>
  <w:style w:type="paragraph" w:styleId="TOC1">
    <w:name w:val="toc 1"/>
    <w:basedOn w:val="Normal"/>
    <w:next w:val="Normal"/>
    <w:autoRedefine/>
    <w:uiPriority w:val="39"/>
    <w:rsid w:val="00374EF3"/>
    <w:pPr>
      <w:spacing w:after="100"/>
    </w:pPr>
  </w:style>
  <w:style w:type="character" w:styleId="Hyperlink">
    <w:name w:val="Hyperlink"/>
    <w:basedOn w:val="DefaultParagraphFont"/>
    <w:uiPriority w:val="99"/>
    <w:rsid w:val="00374EF3"/>
    <w:rPr>
      <w:rFonts w:ascii="Times New Roman" w:hAnsi="Times New Roman" w:cs="Times New Roman"/>
      <w:color w:val="0000FF"/>
      <w:u w:val="single"/>
    </w:rPr>
  </w:style>
  <w:style w:type="paragraph" w:styleId="ListParagraph">
    <w:name w:val="List Paragraph"/>
    <w:basedOn w:val="Normal"/>
    <w:uiPriority w:val="34"/>
    <w:qFormat/>
    <w:rsid w:val="00374EF3"/>
    <w:pPr>
      <w:ind w:left="720"/>
    </w:pPr>
  </w:style>
  <w:style w:type="paragraph" w:styleId="TOC2">
    <w:name w:val="toc 2"/>
    <w:basedOn w:val="Normal"/>
    <w:next w:val="Normal"/>
    <w:autoRedefine/>
    <w:uiPriority w:val="39"/>
    <w:rsid w:val="00374EF3"/>
    <w:pPr>
      <w:spacing w:after="100"/>
      <w:ind w:left="200"/>
    </w:pPr>
  </w:style>
  <w:style w:type="character" w:styleId="CommentReference">
    <w:name w:val="annotation reference"/>
    <w:basedOn w:val="DefaultParagraphFont"/>
    <w:uiPriority w:val="99"/>
    <w:semiHidden/>
    <w:unhideWhenUsed/>
    <w:rsid w:val="00527B31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unhideWhenUsed/>
    <w:rsid w:val="00527B31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rsid w:val="00527B31"/>
    <w:rPr>
      <w:rFonts w:ascii="Calibri" w:hAnsi="Calibri" w:cs="Calibri"/>
      <w:sz w:val="20"/>
      <w:szCs w:val="20"/>
      <w:lang w:val="en-GB" w:eastAsia="en-GB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527B31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527B31"/>
    <w:rPr>
      <w:rFonts w:ascii="Calibri" w:hAnsi="Calibri" w:cs="Calibri"/>
      <w:b/>
      <w:bCs/>
      <w:sz w:val="20"/>
      <w:szCs w:val="20"/>
      <w:lang w:val="en-GB" w:eastAsia="en-GB"/>
    </w:rPr>
  </w:style>
  <w:style w:type="table" w:styleId="TableGrid">
    <w:name w:val="Table Grid"/>
    <w:basedOn w:val="TableNormal"/>
    <w:uiPriority w:val="39"/>
    <w:rsid w:val="00C8230E"/>
    <w:rPr>
      <w:rFonts w:eastAsiaTheme="minorHAnsi"/>
      <w:lang w:val="en-GB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TableHeader">
    <w:name w:val="TableHeader"/>
    <w:basedOn w:val="Normal"/>
    <w:rsid w:val="00C8230E"/>
    <w:pPr>
      <w:spacing w:before="120"/>
    </w:pPr>
    <w:rPr>
      <w:rFonts w:ascii="Times New Roman" w:eastAsia="Times New Roman" w:hAnsi="Times New Roman" w:cs="Times New Roman"/>
      <w:b/>
      <w:szCs w:val="20"/>
      <w:lang w:eastAsia="en-US"/>
    </w:rPr>
  </w:style>
  <w:style w:type="paragraph" w:customStyle="1" w:styleId="Default">
    <w:name w:val="Default"/>
    <w:rsid w:val="00C8230E"/>
    <w:pPr>
      <w:widowControl w:val="0"/>
      <w:autoSpaceDE w:val="0"/>
      <w:autoSpaceDN w:val="0"/>
      <w:adjustRightInd w:val="0"/>
    </w:pPr>
    <w:rPr>
      <w:rFonts w:ascii="Calibri" w:eastAsia="Times New Roman" w:hAnsi="Calibri" w:cs="Calibri"/>
      <w:color w:val="000000"/>
      <w:sz w:val="24"/>
      <w:szCs w:val="24"/>
      <w:lang w:val="en-CA" w:eastAsia="en-CA"/>
    </w:rPr>
  </w:style>
  <w:style w:type="paragraph" w:customStyle="1" w:styleId="Table">
    <w:name w:val="Table"/>
    <w:basedOn w:val="Normal"/>
    <w:rsid w:val="00C8230E"/>
    <w:pPr>
      <w:tabs>
        <w:tab w:val="left" w:pos="355"/>
      </w:tabs>
      <w:spacing w:before="40" w:after="40"/>
    </w:pPr>
    <w:rPr>
      <w:rFonts w:ascii="Arial Narrow" w:eastAsia="Times New Roman" w:hAnsi="Arial Narrow" w:cs="Times New Roman"/>
      <w:sz w:val="18"/>
      <w:szCs w:val="20"/>
      <w:lang w:val="en-US" w:eastAsia="en-US"/>
    </w:rPr>
  </w:style>
  <w:style w:type="character" w:customStyle="1" w:styleId="apple-converted-space">
    <w:name w:val="apple-converted-space"/>
    <w:basedOn w:val="DefaultParagraphFont"/>
    <w:rsid w:val="00C8230E"/>
  </w:style>
  <w:style w:type="character" w:styleId="Emphasis">
    <w:name w:val="Emphasis"/>
    <w:basedOn w:val="DefaultParagraphFont"/>
    <w:uiPriority w:val="20"/>
    <w:qFormat/>
    <w:rsid w:val="00C8230E"/>
    <w:rPr>
      <w:i/>
      <w:iCs/>
    </w:rPr>
  </w:style>
  <w:style w:type="paragraph" w:styleId="EndnoteText">
    <w:name w:val="endnote text"/>
    <w:basedOn w:val="Normal"/>
    <w:link w:val="EndnoteTextChar"/>
    <w:uiPriority w:val="99"/>
    <w:unhideWhenUsed/>
    <w:rsid w:val="00C8230E"/>
    <w:rPr>
      <w:rFonts w:ascii="Book Antiqua" w:eastAsia="Times New Roman" w:hAnsi="Book Antiqua" w:cs="Times New Roman"/>
      <w:color w:val="000080"/>
      <w:sz w:val="20"/>
      <w:szCs w:val="20"/>
      <w:lang w:val="en-US" w:eastAsia="en-US"/>
    </w:rPr>
  </w:style>
  <w:style w:type="character" w:customStyle="1" w:styleId="EndnoteTextChar">
    <w:name w:val="Endnote Text Char"/>
    <w:basedOn w:val="DefaultParagraphFont"/>
    <w:link w:val="EndnoteText"/>
    <w:uiPriority w:val="99"/>
    <w:rsid w:val="00C8230E"/>
    <w:rPr>
      <w:rFonts w:ascii="Book Antiqua" w:eastAsia="Times New Roman" w:hAnsi="Book Antiqua" w:cs="Times New Roman"/>
      <w:color w:val="000080"/>
      <w:sz w:val="20"/>
      <w:szCs w:val="20"/>
    </w:rPr>
  </w:style>
  <w:style w:type="character" w:styleId="EndnoteReference">
    <w:name w:val="endnote reference"/>
    <w:basedOn w:val="DefaultParagraphFont"/>
    <w:uiPriority w:val="99"/>
    <w:unhideWhenUsed/>
    <w:rsid w:val="00C8230E"/>
    <w:rPr>
      <w:vertAlign w:val="superscript"/>
    </w:rPr>
  </w:style>
  <w:style w:type="table" w:styleId="MediumShading1-Accent5">
    <w:name w:val="Medium Shading 1 Accent 5"/>
    <w:basedOn w:val="TableNormal"/>
    <w:uiPriority w:val="63"/>
    <w:rsid w:val="00C8230E"/>
    <w:rPr>
      <w:lang w:val="en-GB"/>
    </w:rPr>
    <w:tblPr>
      <w:tblStyleRowBandSize w:val="1"/>
      <w:tblStyleColBandSize w:val="1"/>
      <w:tblInd w:w="0" w:type="nil"/>
      <w:tblBorders>
        <w:top w:val="single" w:sz="8" w:space="0" w:color="78C0D4" w:themeColor="accent5" w:themeTint="BF"/>
        <w:left w:val="single" w:sz="8" w:space="0" w:color="78C0D4" w:themeColor="accent5" w:themeTint="BF"/>
        <w:bottom w:val="single" w:sz="8" w:space="0" w:color="78C0D4" w:themeColor="accent5" w:themeTint="BF"/>
        <w:right w:val="single" w:sz="8" w:space="0" w:color="78C0D4" w:themeColor="accent5" w:themeTint="BF"/>
        <w:insideH w:val="single" w:sz="8" w:space="0" w:color="78C0D4" w:themeColor="accent5" w:themeTint="BF"/>
      </w:tblBorders>
    </w:tblPr>
    <w:tblStylePr w:type="firstRow">
      <w:pPr>
        <w:spacing w:beforeLines="0" w:before="0" w:beforeAutospacing="0" w:afterLines="0" w:after="0" w:afterAutospacing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8C0D4" w:themeColor="accent5" w:themeTint="BF"/>
          <w:left w:val="single" w:sz="8" w:space="0" w:color="78C0D4" w:themeColor="accent5" w:themeTint="BF"/>
          <w:bottom w:val="single" w:sz="8" w:space="0" w:color="78C0D4" w:themeColor="accent5" w:themeTint="BF"/>
          <w:right w:val="single" w:sz="8" w:space="0" w:color="78C0D4" w:themeColor="accent5" w:themeTint="BF"/>
          <w:insideH w:val="nil"/>
          <w:insideV w:val="nil"/>
        </w:tcBorders>
        <w:shd w:val="clear" w:color="auto" w:fill="4BACC6" w:themeFill="accent5"/>
      </w:tcPr>
    </w:tblStylePr>
    <w:tblStylePr w:type="lastRow">
      <w:pPr>
        <w:spacing w:beforeLines="0" w:before="0" w:beforeAutospacing="0" w:afterLines="0" w:after="0" w:afterAutospacing="0" w:line="240" w:lineRule="auto"/>
      </w:pPr>
      <w:rPr>
        <w:b/>
        <w:bCs/>
      </w:rPr>
      <w:tblPr/>
      <w:tcPr>
        <w:tcBorders>
          <w:top w:val="double" w:sz="6" w:space="0" w:color="78C0D4" w:themeColor="accent5" w:themeTint="BF"/>
          <w:left w:val="single" w:sz="8" w:space="0" w:color="78C0D4" w:themeColor="accent5" w:themeTint="BF"/>
          <w:bottom w:val="single" w:sz="8" w:space="0" w:color="78C0D4" w:themeColor="accent5" w:themeTint="BF"/>
          <w:right w:val="single" w:sz="8" w:space="0" w:color="78C0D4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2EAF1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2EAF1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character" w:styleId="Strong">
    <w:name w:val="Strong"/>
    <w:basedOn w:val="DefaultParagraphFont"/>
    <w:uiPriority w:val="22"/>
    <w:qFormat/>
    <w:rsid w:val="00575DEC"/>
    <w:rPr>
      <w:b/>
      <w:bCs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F0677A"/>
    <w:rPr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F0677A"/>
    <w:rPr>
      <w:rFonts w:ascii="Calibri" w:hAnsi="Calibri" w:cs="Calibri"/>
      <w:sz w:val="20"/>
      <w:szCs w:val="20"/>
      <w:lang w:val="en-GB" w:eastAsia="en-GB"/>
    </w:rPr>
  </w:style>
  <w:style w:type="character" w:styleId="FootnoteReference">
    <w:name w:val="footnote reference"/>
    <w:basedOn w:val="DefaultParagraphFont"/>
    <w:uiPriority w:val="99"/>
    <w:semiHidden/>
    <w:unhideWhenUsed/>
    <w:rsid w:val="00F0677A"/>
    <w:rPr>
      <w:vertAlign w:val="superscript"/>
    </w:rPr>
  </w:style>
  <w:style w:type="paragraph" w:styleId="Title">
    <w:name w:val="Title"/>
    <w:basedOn w:val="Normal"/>
    <w:next w:val="Normal"/>
    <w:link w:val="TitleChar"/>
    <w:uiPriority w:val="10"/>
    <w:qFormat/>
    <w:rsid w:val="009B1B76"/>
    <w:pPr>
      <w:pBdr>
        <w:bottom w:val="single" w:sz="8" w:space="4" w:color="4F81BD" w:themeColor="accent1"/>
      </w:pBdr>
      <w:spacing w:after="300"/>
      <w:contextualSpacing/>
    </w:pPr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  <w:lang w:eastAsia="en-US"/>
    </w:rPr>
  </w:style>
  <w:style w:type="character" w:customStyle="1" w:styleId="TitleChar">
    <w:name w:val="Title Char"/>
    <w:basedOn w:val="DefaultParagraphFont"/>
    <w:link w:val="Title"/>
    <w:uiPriority w:val="10"/>
    <w:rsid w:val="009B1B76"/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  <w:lang w:val="en-GB"/>
    </w:rPr>
  </w:style>
  <w:style w:type="paragraph" w:styleId="Caption">
    <w:name w:val="caption"/>
    <w:basedOn w:val="Normal"/>
    <w:next w:val="Normal"/>
    <w:unhideWhenUsed/>
    <w:qFormat/>
    <w:rsid w:val="00471840"/>
    <w:pPr>
      <w:spacing w:after="200"/>
    </w:pPr>
    <w:rPr>
      <w:rFonts w:asciiTheme="minorHAnsi" w:eastAsiaTheme="minorHAnsi" w:hAnsiTheme="minorHAnsi" w:cstheme="minorBidi"/>
      <w:b/>
      <w:bCs/>
      <w:sz w:val="18"/>
      <w:szCs w:val="18"/>
      <w:lang w:eastAsia="en-US"/>
    </w:rPr>
  </w:style>
  <w:style w:type="paragraph" w:styleId="TableofFigures">
    <w:name w:val="table of figures"/>
    <w:basedOn w:val="Normal"/>
    <w:next w:val="Normal"/>
    <w:uiPriority w:val="99"/>
    <w:unhideWhenUsed/>
    <w:rsid w:val="005E7A22"/>
    <w:pPr>
      <w:spacing w:line="259" w:lineRule="auto"/>
    </w:pPr>
    <w:rPr>
      <w:rFonts w:asciiTheme="minorHAnsi" w:eastAsiaTheme="minorHAnsi" w:hAnsiTheme="minorHAnsi" w:cstheme="minorBidi"/>
      <w:sz w:val="22"/>
      <w:szCs w:val="22"/>
      <w:lang w:eastAsia="en-US"/>
    </w:rPr>
  </w:style>
  <w:style w:type="paragraph" w:styleId="NormalWeb">
    <w:name w:val="Normal (Web)"/>
    <w:basedOn w:val="Normal"/>
    <w:uiPriority w:val="99"/>
    <w:unhideWhenUsed/>
    <w:rsid w:val="005E7A22"/>
    <w:pPr>
      <w:spacing w:before="100" w:beforeAutospacing="1" w:after="100" w:afterAutospacing="1"/>
    </w:pPr>
    <w:rPr>
      <w:rFonts w:ascii="Times New Roman" w:eastAsia="Times New Roman" w:hAnsi="Times New Roman" w:cs="Times New Roman"/>
    </w:rPr>
  </w:style>
  <w:style w:type="character" w:customStyle="1" w:styleId="item-label">
    <w:name w:val="item-label"/>
    <w:basedOn w:val="DefaultParagraphFont"/>
    <w:rsid w:val="005E7A22"/>
  </w:style>
  <w:style w:type="table" w:customStyle="1" w:styleId="GridTable1Light-Accent11">
    <w:name w:val="Grid Table 1 Light - Accent 11"/>
    <w:basedOn w:val="TableNormal"/>
    <w:uiPriority w:val="46"/>
    <w:rsid w:val="005E7A22"/>
    <w:rPr>
      <w:rFonts w:eastAsiaTheme="minorHAnsi"/>
      <w:lang w:val="en-GB"/>
    </w:rPr>
    <w:tblPr>
      <w:tblStyleRowBandSize w:val="1"/>
      <w:tblStyleColBandSize w:val="1"/>
      <w:tblBorders>
        <w:top w:val="single" w:sz="4" w:space="0" w:color="B8CCE4" w:themeColor="accent1" w:themeTint="66"/>
        <w:left w:val="single" w:sz="4" w:space="0" w:color="B8CCE4" w:themeColor="accent1" w:themeTint="66"/>
        <w:bottom w:val="single" w:sz="4" w:space="0" w:color="B8CCE4" w:themeColor="accent1" w:themeTint="66"/>
        <w:right w:val="single" w:sz="4" w:space="0" w:color="B8CCE4" w:themeColor="accent1" w:themeTint="66"/>
        <w:insideH w:val="single" w:sz="4" w:space="0" w:color="B8CCE4" w:themeColor="accent1" w:themeTint="66"/>
        <w:insideV w:val="single" w:sz="4" w:space="0" w:color="B8CCE4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95B3D7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5B3D7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paragraph" w:styleId="TOC3">
    <w:name w:val="toc 3"/>
    <w:basedOn w:val="Normal"/>
    <w:next w:val="Normal"/>
    <w:autoRedefine/>
    <w:uiPriority w:val="39"/>
    <w:unhideWhenUsed/>
    <w:rsid w:val="005E7A22"/>
    <w:pPr>
      <w:spacing w:after="100"/>
      <w:ind w:left="480"/>
    </w:pPr>
  </w:style>
  <w:style w:type="character" w:styleId="FollowedHyperlink">
    <w:name w:val="FollowedHyperlink"/>
    <w:basedOn w:val="DefaultParagraphFont"/>
    <w:uiPriority w:val="99"/>
    <w:semiHidden/>
    <w:unhideWhenUsed/>
    <w:rsid w:val="000D1DFF"/>
    <w:rPr>
      <w:color w:val="954F72"/>
      <w:u w:val="single"/>
    </w:rPr>
  </w:style>
  <w:style w:type="paragraph" w:customStyle="1" w:styleId="msonormal0">
    <w:name w:val="msonormal"/>
    <w:basedOn w:val="Normal"/>
    <w:rsid w:val="000D1DFF"/>
    <w:pPr>
      <w:spacing w:before="100" w:beforeAutospacing="1" w:after="100" w:afterAutospacing="1"/>
    </w:pPr>
    <w:rPr>
      <w:rFonts w:ascii="Times New Roman" w:eastAsia="Times New Roman" w:hAnsi="Times New Roman" w:cs="Times New Roman"/>
    </w:rPr>
  </w:style>
  <w:style w:type="paragraph" w:customStyle="1" w:styleId="xl65">
    <w:name w:val="xl65"/>
    <w:basedOn w:val="Normal"/>
    <w:rsid w:val="000D1DFF"/>
    <w:pPr>
      <w:shd w:val="clear" w:color="000000" w:fill="FFFFFF"/>
      <w:spacing w:before="100" w:beforeAutospacing="1" w:after="100" w:afterAutospacing="1"/>
    </w:pPr>
    <w:rPr>
      <w:rFonts w:ascii="Times New Roman" w:eastAsia="Times New Roman" w:hAnsi="Times New Roman" w:cs="Times New Roman"/>
    </w:rPr>
  </w:style>
  <w:style w:type="paragraph" w:customStyle="1" w:styleId="xl66">
    <w:name w:val="xl66"/>
    <w:basedOn w:val="Normal"/>
    <w:rsid w:val="000D1DFF"/>
    <w:pPr>
      <w:pBdr>
        <w:top w:val="single" w:sz="8" w:space="0" w:color="auto"/>
        <w:right w:val="single" w:sz="4" w:space="0" w:color="auto"/>
      </w:pBdr>
      <w:spacing w:before="100" w:beforeAutospacing="1" w:after="100" w:afterAutospacing="1"/>
      <w:jc w:val="center"/>
    </w:pPr>
    <w:rPr>
      <w:rFonts w:eastAsia="Times New Roman" w:cs="Times New Roman"/>
      <w:b/>
      <w:bCs/>
      <w:color w:val="000000"/>
    </w:rPr>
  </w:style>
  <w:style w:type="paragraph" w:customStyle="1" w:styleId="xl67">
    <w:name w:val="xl67"/>
    <w:basedOn w:val="Normal"/>
    <w:rsid w:val="000D1DFF"/>
    <w:pPr>
      <w:pBdr>
        <w:top w:val="single" w:sz="8" w:space="0" w:color="auto"/>
        <w:left w:val="single" w:sz="8" w:space="0" w:color="auto"/>
        <w:right w:val="single" w:sz="4" w:space="0" w:color="auto"/>
      </w:pBdr>
      <w:spacing w:before="100" w:beforeAutospacing="1" w:after="100" w:afterAutospacing="1"/>
      <w:jc w:val="center"/>
      <w:textAlignment w:val="center"/>
    </w:pPr>
    <w:rPr>
      <w:rFonts w:eastAsia="Times New Roman" w:cs="Times New Roman"/>
      <w:b/>
      <w:bCs/>
      <w:color w:val="000000"/>
    </w:rPr>
  </w:style>
  <w:style w:type="paragraph" w:customStyle="1" w:styleId="xl68">
    <w:name w:val="xl68"/>
    <w:basedOn w:val="Normal"/>
    <w:rsid w:val="000D1DFF"/>
    <w:pPr>
      <w:pBdr>
        <w:top w:val="single" w:sz="8" w:space="0" w:color="auto"/>
      </w:pBdr>
      <w:spacing w:before="100" w:beforeAutospacing="1" w:after="100" w:afterAutospacing="1"/>
      <w:jc w:val="center"/>
    </w:pPr>
    <w:rPr>
      <w:rFonts w:eastAsia="Times New Roman" w:cs="Times New Roman"/>
      <w:b/>
      <w:bCs/>
      <w:color w:val="000000"/>
    </w:rPr>
  </w:style>
  <w:style w:type="paragraph" w:customStyle="1" w:styleId="xl69">
    <w:name w:val="xl69"/>
    <w:basedOn w:val="Normal"/>
    <w:rsid w:val="000D1DFF"/>
    <w:pPr>
      <w:pBdr>
        <w:left w:val="single" w:sz="8" w:space="0" w:color="auto"/>
        <w:right w:val="single" w:sz="4" w:space="0" w:color="auto"/>
      </w:pBdr>
      <w:spacing w:before="100" w:beforeAutospacing="1" w:after="100" w:afterAutospacing="1"/>
      <w:jc w:val="center"/>
      <w:textAlignment w:val="center"/>
    </w:pPr>
    <w:rPr>
      <w:rFonts w:eastAsia="Times New Roman" w:cs="Times New Roman"/>
      <w:b/>
      <w:bCs/>
      <w:color w:val="000000"/>
    </w:rPr>
  </w:style>
  <w:style w:type="paragraph" w:customStyle="1" w:styleId="xl70">
    <w:name w:val="xl70"/>
    <w:basedOn w:val="Normal"/>
    <w:rsid w:val="000D1DFF"/>
    <w:pPr>
      <w:pBdr>
        <w:left w:val="single" w:sz="4" w:space="0" w:color="auto"/>
      </w:pBdr>
      <w:spacing w:before="100" w:beforeAutospacing="1" w:after="100" w:afterAutospacing="1"/>
      <w:jc w:val="center"/>
    </w:pPr>
    <w:rPr>
      <w:rFonts w:eastAsia="Times New Roman" w:cs="Times New Roman"/>
      <w:b/>
      <w:bCs/>
      <w:color w:val="000000"/>
      <w:sz w:val="18"/>
      <w:szCs w:val="18"/>
    </w:rPr>
  </w:style>
  <w:style w:type="paragraph" w:customStyle="1" w:styleId="xl71">
    <w:name w:val="xl71"/>
    <w:basedOn w:val="Normal"/>
    <w:rsid w:val="000D1DFF"/>
    <w:pPr>
      <w:pBdr>
        <w:right w:val="single" w:sz="4" w:space="0" w:color="auto"/>
      </w:pBdr>
      <w:spacing w:before="100" w:beforeAutospacing="1" w:after="100" w:afterAutospacing="1"/>
      <w:jc w:val="center"/>
    </w:pPr>
    <w:rPr>
      <w:rFonts w:eastAsia="Times New Roman" w:cs="Times New Roman"/>
      <w:b/>
      <w:bCs/>
      <w:color w:val="000000"/>
      <w:sz w:val="18"/>
      <w:szCs w:val="18"/>
    </w:rPr>
  </w:style>
  <w:style w:type="paragraph" w:customStyle="1" w:styleId="xl72">
    <w:name w:val="xl72"/>
    <w:basedOn w:val="Normal"/>
    <w:rsid w:val="000D1DFF"/>
    <w:pPr>
      <w:pBdr>
        <w:left w:val="single" w:sz="8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center"/>
      <w:textAlignment w:val="center"/>
    </w:pPr>
    <w:rPr>
      <w:rFonts w:eastAsia="Times New Roman" w:cs="Times New Roman"/>
      <w:b/>
      <w:bCs/>
      <w:color w:val="000000"/>
    </w:rPr>
  </w:style>
  <w:style w:type="paragraph" w:customStyle="1" w:styleId="xl73">
    <w:name w:val="xl73"/>
    <w:basedOn w:val="Normal"/>
    <w:rsid w:val="000D1DFF"/>
    <w:pPr>
      <w:pBdr>
        <w:left w:val="single" w:sz="4" w:space="0" w:color="auto"/>
        <w:bottom w:val="single" w:sz="4" w:space="0" w:color="auto"/>
      </w:pBdr>
      <w:spacing w:before="100" w:beforeAutospacing="1" w:after="100" w:afterAutospacing="1"/>
      <w:jc w:val="center"/>
    </w:pPr>
    <w:rPr>
      <w:rFonts w:eastAsia="Times New Roman" w:cs="Times New Roman"/>
      <w:b/>
      <w:bCs/>
      <w:color w:val="000000"/>
      <w:sz w:val="18"/>
      <w:szCs w:val="18"/>
    </w:rPr>
  </w:style>
  <w:style w:type="paragraph" w:customStyle="1" w:styleId="xl74">
    <w:name w:val="xl74"/>
    <w:basedOn w:val="Normal"/>
    <w:rsid w:val="000D1DFF"/>
    <w:pPr>
      <w:pBdr>
        <w:bottom w:val="single" w:sz="4" w:space="0" w:color="auto"/>
        <w:right w:val="single" w:sz="4" w:space="0" w:color="auto"/>
      </w:pBdr>
      <w:spacing w:before="100" w:beforeAutospacing="1" w:after="100" w:afterAutospacing="1"/>
      <w:jc w:val="center"/>
    </w:pPr>
    <w:rPr>
      <w:rFonts w:eastAsia="Times New Roman" w:cs="Times New Roman"/>
      <w:b/>
      <w:bCs/>
      <w:color w:val="000000"/>
      <w:sz w:val="18"/>
      <w:szCs w:val="18"/>
    </w:rPr>
  </w:style>
  <w:style w:type="paragraph" w:customStyle="1" w:styleId="xl75">
    <w:name w:val="xl75"/>
    <w:basedOn w:val="Normal"/>
    <w:rsid w:val="000D1DFF"/>
    <w:pPr>
      <w:pBdr>
        <w:top w:val="single" w:sz="4" w:space="0" w:color="auto"/>
        <w:left w:val="single" w:sz="8" w:space="0" w:color="auto"/>
        <w:right w:val="single" w:sz="4" w:space="0" w:color="auto"/>
      </w:pBdr>
      <w:spacing w:before="100" w:beforeAutospacing="1" w:after="100" w:afterAutospacing="1"/>
    </w:pPr>
    <w:rPr>
      <w:rFonts w:eastAsia="Times New Roman" w:cs="Times New Roman"/>
      <w:b/>
      <w:bCs/>
      <w:color w:val="000000"/>
    </w:rPr>
  </w:style>
  <w:style w:type="paragraph" w:customStyle="1" w:styleId="xl76">
    <w:name w:val="xl76"/>
    <w:basedOn w:val="Normal"/>
    <w:rsid w:val="000D1DFF"/>
    <w:pPr>
      <w:pBdr>
        <w:top w:val="single" w:sz="4" w:space="0" w:color="auto"/>
        <w:left w:val="single" w:sz="8" w:space="0" w:color="auto"/>
      </w:pBdr>
      <w:spacing w:before="100" w:beforeAutospacing="1" w:after="100" w:afterAutospacing="1"/>
    </w:pPr>
    <w:rPr>
      <w:rFonts w:eastAsia="Times New Roman" w:cs="Times New Roman"/>
      <w:b/>
      <w:bCs/>
      <w:color w:val="000000"/>
    </w:rPr>
  </w:style>
  <w:style w:type="paragraph" w:customStyle="1" w:styleId="xl77">
    <w:name w:val="xl77"/>
    <w:basedOn w:val="Normal"/>
    <w:rsid w:val="000D1DFF"/>
    <w:pPr>
      <w:pBdr>
        <w:left w:val="single" w:sz="8" w:space="0" w:color="auto"/>
      </w:pBdr>
      <w:spacing w:before="100" w:beforeAutospacing="1" w:after="100" w:afterAutospacing="1"/>
      <w:jc w:val="right"/>
    </w:pPr>
    <w:rPr>
      <w:rFonts w:ascii="Times New Roman" w:eastAsia="Times New Roman" w:hAnsi="Times New Roman" w:cs="Times New Roman"/>
    </w:rPr>
  </w:style>
  <w:style w:type="paragraph" w:customStyle="1" w:styleId="xl78">
    <w:name w:val="xl78"/>
    <w:basedOn w:val="Normal"/>
    <w:rsid w:val="000D1DFF"/>
    <w:pPr>
      <w:pBdr>
        <w:left w:val="single" w:sz="8" w:space="0" w:color="auto"/>
        <w:right w:val="single" w:sz="4" w:space="0" w:color="auto"/>
      </w:pBdr>
      <w:spacing w:before="100" w:beforeAutospacing="1" w:after="100" w:afterAutospacing="1"/>
      <w:jc w:val="right"/>
    </w:pPr>
    <w:rPr>
      <w:rFonts w:ascii="Times New Roman" w:eastAsia="Times New Roman" w:hAnsi="Times New Roman" w:cs="Times New Roman"/>
    </w:rPr>
  </w:style>
  <w:style w:type="paragraph" w:customStyle="1" w:styleId="xl79">
    <w:name w:val="xl79"/>
    <w:basedOn w:val="Normal"/>
    <w:rsid w:val="000D1DFF"/>
    <w:pPr>
      <w:pBdr>
        <w:left w:val="single" w:sz="8" w:space="0" w:color="auto"/>
        <w:bottom w:val="single" w:sz="8" w:space="0" w:color="auto"/>
        <w:right w:val="single" w:sz="4" w:space="0" w:color="auto"/>
      </w:pBdr>
      <w:spacing w:before="100" w:beforeAutospacing="1" w:after="100" w:afterAutospacing="1"/>
      <w:jc w:val="right"/>
    </w:pPr>
    <w:rPr>
      <w:rFonts w:ascii="Times New Roman" w:eastAsia="Times New Roman" w:hAnsi="Times New Roman" w:cs="Times New Roman"/>
    </w:rPr>
  </w:style>
  <w:style w:type="paragraph" w:customStyle="1" w:styleId="xl80">
    <w:name w:val="xl80"/>
    <w:basedOn w:val="Normal"/>
    <w:rsid w:val="000D1DFF"/>
    <w:pPr>
      <w:pBdr>
        <w:top w:val="single" w:sz="4" w:space="0" w:color="auto"/>
        <w:bottom w:val="single" w:sz="4" w:space="0" w:color="auto"/>
      </w:pBdr>
      <w:spacing w:before="100" w:beforeAutospacing="1" w:after="100" w:afterAutospacing="1"/>
    </w:pPr>
    <w:rPr>
      <w:rFonts w:eastAsia="Times New Roman" w:cs="Times New Roman"/>
      <w:sz w:val="18"/>
      <w:szCs w:val="18"/>
    </w:rPr>
  </w:style>
  <w:style w:type="paragraph" w:customStyle="1" w:styleId="xl81">
    <w:name w:val="xl81"/>
    <w:basedOn w:val="Normal"/>
    <w:rsid w:val="000D1DFF"/>
    <w:pPr>
      <w:pBdr>
        <w:top w:val="single" w:sz="4" w:space="0" w:color="auto"/>
        <w:left w:val="single" w:sz="4" w:space="0" w:color="auto"/>
      </w:pBdr>
      <w:spacing w:before="100" w:beforeAutospacing="1" w:after="100" w:afterAutospacing="1"/>
      <w:jc w:val="center"/>
    </w:pPr>
    <w:rPr>
      <w:rFonts w:eastAsia="Times New Roman" w:cs="Times New Roman"/>
      <w:sz w:val="18"/>
      <w:szCs w:val="18"/>
    </w:rPr>
  </w:style>
  <w:style w:type="paragraph" w:customStyle="1" w:styleId="xl82">
    <w:name w:val="xl82"/>
    <w:basedOn w:val="Normal"/>
    <w:rsid w:val="000D1DFF"/>
    <w:pPr>
      <w:pBdr>
        <w:top w:val="single" w:sz="4" w:space="0" w:color="auto"/>
        <w:right w:val="single" w:sz="4" w:space="0" w:color="auto"/>
      </w:pBdr>
      <w:spacing w:before="100" w:beforeAutospacing="1" w:after="100" w:afterAutospacing="1"/>
      <w:jc w:val="center"/>
    </w:pPr>
    <w:rPr>
      <w:rFonts w:eastAsia="Times New Roman" w:cs="Times New Roman"/>
      <w:sz w:val="18"/>
      <w:szCs w:val="18"/>
    </w:rPr>
  </w:style>
  <w:style w:type="paragraph" w:customStyle="1" w:styleId="xl83">
    <w:name w:val="xl83"/>
    <w:basedOn w:val="Normal"/>
    <w:rsid w:val="000D1DFF"/>
    <w:pPr>
      <w:pBdr>
        <w:left w:val="single" w:sz="4" w:space="0" w:color="auto"/>
      </w:pBdr>
      <w:spacing w:before="100" w:beforeAutospacing="1" w:after="100" w:afterAutospacing="1"/>
      <w:jc w:val="center"/>
    </w:pPr>
    <w:rPr>
      <w:rFonts w:eastAsia="Times New Roman" w:cs="Times New Roman"/>
      <w:sz w:val="18"/>
      <w:szCs w:val="18"/>
    </w:rPr>
  </w:style>
  <w:style w:type="paragraph" w:customStyle="1" w:styleId="xl84">
    <w:name w:val="xl84"/>
    <w:basedOn w:val="Normal"/>
    <w:rsid w:val="000D1DFF"/>
    <w:pPr>
      <w:pBdr>
        <w:right w:val="single" w:sz="4" w:space="0" w:color="auto"/>
      </w:pBdr>
      <w:spacing w:before="100" w:beforeAutospacing="1" w:after="100" w:afterAutospacing="1"/>
      <w:jc w:val="center"/>
    </w:pPr>
    <w:rPr>
      <w:rFonts w:eastAsia="Times New Roman" w:cs="Times New Roman"/>
      <w:sz w:val="18"/>
      <w:szCs w:val="18"/>
    </w:rPr>
  </w:style>
  <w:style w:type="paragraph" w:customStyle="1" w:styleId="xl85">
    <w:name w:val="xl85"/>
    <w:basedOn w:val="Normal"/>
    <w:rsid w:val="000D1DFF"/>
    <w:pPr>
      <w:pBdr>
        <w:left w:val="single" w:sz="4" w:space="0" w:color="auto"/>
        <w:bottom w:val="single" w:sz="4" w:space="0" w:color="auto"/>
      </w:pBdr>
      <w:spacing w:before="100" w:beforeAutospacing="1" w:after="100" w:afterAutospacing="1"/>
      <w:jc w:val="center"/>
    </w:pPr>
    <w:rPr>
      <w:rFonts w:eastAsia="Times New Roman" w:cs="Times New Roman"/>
      <w:sz w:val="18"/>
      <w:szCs w:val="18"/>
    </w:rPr>
  </w:style>
  <w:style w:type="paragraph" w:customStyle="1" w:styleId="xl86">
    <w:name w:val="xl86"/>
    <w:basedOn w:val="Normal"/>
    <w:rsid w:val="000D1DFF"/>
    <w:pPr>
      <w:pBdr>
        <w:bottom w:val="single" w:sz="4" w:space="0" w:color="auto"/>
        <w:right w:val="single" w:sz="4" w:space="0" w:color="auto"/>
      </w:pBdr>
      <w:spacing w:before="100" w:beforeAutospacing="1" w:after="100" w:afterAutospacing="1"/>
      <w:jc w:val="center"/>
    </w:pPr>
    <w:rPr>
      <w:rFonts w:eastAsia="Times New Roman" w:cs="Times New Roman"/>
      <w:sz w:val="18"/>
      <w:szCs w:val="18"/>
    </w:rPr>
  </w:style>
  <w:style w:type="paragraph" w:customStyle="1" w:styleId="xl87">
    <w:name w:val="xl87"/>
    <w:basedOn w:val="Normal"/>
    <w:rsid w:val="000D1DFF"/>
    <w:pPr>
      <w:pBdr>
        <w:top w:val="single" w:sz="4" w:space="0" w:color="auto"/>
        <w:left w:val="single" w:sz="4" w:space="0" w:color="auto"/>
      </w:pBdr>
      <w:spacing w:before="100" w:beforeAutospacing="1" w:after="100" w:afterAutospacing="1"/>
    </w:pPr>
    <w:rPr>
      <w:rFonts w:eastAsia="Times New Roman" w:cs="Times New Roman"/>
      <w:sz w:val="18"/>
      <w:szCs w:val="18"/>
    </w:rPr>
  </w:style>
  <w:style w:type="paragraph" w:customStyle="1" w:styleId="xl88">
    <w:name w:val="xl88"/>
    <w:basedOn w:val="Normal"/>
    <w:rsid w:val="000D1DFF"/>
    <w:pPr>
      <w:pBdr>
        <w:top w:val="single" w:sz="4" w:space="0" w:color="auto"/>
        <w:right w:val="single" w:sz="4" w:space="0" w:color="auto"/>
      </w:pBdr>
      <w:spacing w:before="100" w:beforeAutospacing="1" w:after="100" w:afterAutospacing="1"/>
    </w:pPr>
    <w:rPr>
      <w:rFonts w:eastAsia="Times New Roman" w:cs="Times New Roman"/>
      <w:sz w:val="18"/>
      <w:szCs w:val="18"/>
    </w:rPr>
  </w:style>
  <w:style w:type="paragraph" w:customStyle="1" w:styleId="xl89">
    <w:name w:val="xl89"/>
    <w:basedOn w:val="Normal"/>
    <w:rsid w:val="000D1DFF"/>
    <w:pPr>
      <w:pBdr>
        <w:left w:val="single" w:sz="4" w:space="0" w:color="auto"/>
      </w:pBdr>
      <w:spacing w:before="100" w:beforeAutospacing="1" w:after="100" w:afterAutospacing="1"/>
    </w:pPr>
    <w:rPr>
      <w:rFonts w:eastAsia="Times New Roman" w:cs="Times New Roman"/>
      <w:sz w:val="18"/>
      <w:szCs w:val="18"/>
    </w:rPr>
  </w:style>
  <w:style w:type="paragraph" w:customStyle="1" w:styleId="xl90">
    <w:name w:val="xl90"/>
    <w:basedOn w:val="Normal"/>
    <w:rsid w:val="000D1DFF"/>
    <w:pPr>
      <w:pBdr>
        <w:right w:val="single" w:sz="4" w:space="0" w:color="auto"/>
      </w:pBdr>
      <w:spacing w:before="100" w:beforeAutospacing="1" w:after="100" w:afterAutospacing="1"/>
    </w:pPr>
    <w:rPr>
      <w:rFonts w:eastAsia="Times New Roman" w:cs="Times New Roman"/>
      <w:sz w:val="18"/>
      <w:szCs w:val="18"/>
    </w:rPr>
  </w:style>
  <w:style w:type="paragraph" w:customStyle="1" w:styleId="xl91">
    <w:name w:val="xl91"/>
    <w:basedOn w:val="Normal"/>
    <w:rsid w:val="000D1DFF"/>
    <w:pPr>
      <w:pBdr>
        <w:left w:val="single" w:sz="4" w:space="0" w:color="auto"/>
        <w:bottom w:val="single" w:sz="8" w:space="0" w:color="auto"/>
      </w:pBdr>
      <w:spacing w:before="100" w:beforeAutospacing="1" w:after="100" w:afterAutospacing="1"/>
    </w:pPr>
    <w:rPr>
      <w:rFonts w:eastAsia="Times New Roman" w:cs="Times New Roman"/>
      <w:sz w:val="18"/>
      <w:szCs w:val="18"/>
    </w:rPr>
  </w:style>
  <w:style w:type="paragraph" w:customStyle="1" w:styleId="xl92">
    <w:name w:val="xl92"/>
    <w:basedOn w:val="Normal"/>
    <w:rsid w:val="000D1DFF"/>
    <w:pPr>
      <w:pBdr>
        <w:bottom w:val="single" w:sz="8" w:space="0" w:color="auto"/>
        <w:right w:val="single" w:sz="4" w:space="0" w:color="auto"/>
      </w:pBdr>
      <w:spacing w:before="100" w:beforeAutospacing="1" w:after="100" w:afterAutospacing="1"/>
    </w:pPr>
    <w:rPr>
      <w:rFonts w:eastAsia="Times New Roman" w:cs="Times New Roman"/>
      <w:sz w:val="18"/>
      <w:szCs w:val="18"/>
    </w:rPr>
  </w:style>
  <w:style w:type="paragraph" w:customStyle="1" w:styleId="xl93">
    <w:name w:val="xl93"/>
    <w:basedOn w:val="Normal"/>
    <w:rsid w:val="000D1DF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</w:pPr>
    <w:rPr>
      <w:rFonts w:eastAsia="Times New Roman" w:cs="Times New Roman"/>
      <w:b/>
      <w:bCs/>
      <w:color w:val="000000"/>
    </w:rPr>
  </w:style>
  <w:style w:type="paragraph" w:customStyle="1" w:styleId="xl94">
    <w:name w:val="xl94"/>
    <w:basedOn w:val="Normal"/>
    <w:rsid w:val="000D1DFF"/>
    <w:pPr>
      <w:pBdr>
        <w:top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</w:pPr>
    <w:rPr>
      <w:rFonts w:eastAsia="Times New Roman" w:cs="Times New Roman"/>
      <w:sz w:val="18"/>
      <w:szCs w:val="18"/>
    </w:rPr>
  </w:style>
  <w:style w:type="paragraph" w:styleId="NoSpacing">
    <w:name w:val="No Spacing"/>
    <w:uiPriority w:val="1"/>
    <w:qFormat/>
    <w:rsid w:val="00196196"/>
    <w:rPr>
      <w:rFonts w:eastAsiaTheme="minorHAnsi"/>
      <w:lang w:val="en-GB"/>
    </w:rPr>
  </w:style>
  <w:style w:type="paragraph" w:customStyle="1" w:styleId="xl95">
    <w:name w:val="xl95"/>
    <w:basedOn w:val="Normal"/>
    <w:rsid w:val="00B65715"/>
    <w:pPr>
      <w:pBdr>
        <w:top w:val="single" w:sz="4" w:space="0" w:color="auto"/>
        <w:left w:val="single" w:sz="8" w:space="0" w:color="auto"/>
      </w:pBdr>
      <w:spacing w:before="100" w:beforeAutospacing="1" w:after="100" w:afterAutospacing="1"/>
    </w:pPr>
    <w:rPr>
      <w:rFonts w:eastAsia="Times New Roman"/>
      <w:b/>
      <w:bCs/>
      <w:color w:val="000000"/>
    </w:rPr>
  </w:style>
  <w:style w:type="paragraph" w:customStyle="1" w:styleId="xl96">
    <w:name w:val="xl96"/>
    <w:basedOn w:val="Normal"/>
    <w:rsid w:val="000E5E18"/>
    <w:pPr>
      <w:pBdr>
        <w:left w:val="single" w:sz="8" w:space="0" w:color="auto"/>
      </w:pBdr>
      <w:spacing w:before="100" w:beforeAutospacing="1" w:after="100" w:afterAutospacing="1"/>
      <w:jc w:val="right"/>
    </w:pPr>
    <w:rPr>
      <w:rFonts w:eastAsia="Times New Roman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505451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6675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3236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85747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25107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1053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8938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055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7824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9681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655802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90449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99145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06674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46759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834132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201018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095631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65763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319845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73242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66340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871732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023630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211700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460721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56381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57061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006562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28676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640983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106534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197546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48483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53062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04760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46268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753747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483797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10295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33873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85502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70707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25556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270886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06307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17229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41974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716684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744334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942139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93522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86756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58519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00044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623049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625791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78382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598541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01117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29026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35126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48705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847484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860543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156882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239440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61993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78479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63412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40914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72494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13935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27082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63933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5.emf"/><Relationship Id="rId18" Type="http://schemas.openxmlformats.org/officeDocument/2006/relationships/image" Target="media/image10.emf"/><Relationship Id="rId3" Type="http://schemas.openxmlformats.org/officeDocument/2006/relationships/styles" Target="styles.xml"/><Relationship Id="rId21" Type="http://schemas.openxmlformats.org/officeDocument/2006/relationships/header" Target="header1.xml"/><Relationship Id="rId7" Type="http://schemas.openxmlformats.org/officeDocument/2006/relationships/endnotes" Target="endnotes.xml"/><Relationship Id="rId12" Type="http://schemas.openxmlformats.org/officeDocument/2006/relationships/image" Target="media/image4.emf"/><Relationship Id="rId17" Type="http://schemas.openxmlformats.org/officeDocument/2006/relationships/image" Target="media/image9.emf"/><Relationship Id="rId2" Type="http://schemas.openxmlformats.org/officeDocument/2006/relationships/numbering" Target="numbering.xml"/><Relationship Id="rId16" Type="http://schemas.openxmlformats.org/officeDocument/2006/relationships/image" Target="media/image8.emf"/><Relationship Id="rId20" Type="http://schemas.openxmlformats.org/officeDocument/2006/relationships/image" Target="media/image12.emf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3.emf"/><Relationship Id="rId24" Type="http://schemas.openxmlformats.org/officeDocument/2006/relationships/theme" Target="theme/theme1.xml"/><Relationship Id="rId5" Type="http://schemas.openxmlformats.org/officeDocument/2006/relationships/webSettings" Target="webSettings.xml"/><Relationship Id="rId15" Type="http://schemas.openxmlformats.org/officeDocument/2006/relationships/image" Target="media/image7.emf"/><Relationship Id="rId23" Type="http://schemas.openxmlformats.org/officeDocument/2006/relationships/fontTable" Target="fontTable.xml"/><Relationship Id="rId10" Type="http://schemas.openxmlformats.org/officeDocument/2006/relationships/image" Target="media/image2.emf"/><Relationship Id="rId19" Type="http://schemas.openxmlformats.org/officeDocument/2006/relationships/image" Target="media/image11.emf"/><Relationship Id="rId4" Type="http://schemas.openxmlformats.org/officeDocument/2006/relationships/settings" Target="settings.xml"/><Relationship Id="rId9" Type="http://schemas.openxmlformats.org/officeDocument/2006/relationships/hyperlink" Target="file:///\\scifs01.cf.ac.uk\s01\d01\Centre%20for%20Trials%20Research\Research\Cancer\WCTU\Trials\WCTU%20Trials\PIN\15%20Analysis\20190222%20Final%20analysis\Final%20analysis%20documentation\QC%20checks" TargetMode="External"/><Relationship Id="rId14" Type="http://schemas.openxmlformats.org/officeDocument/2006/relationships/image" Target="media/image6.emf"/><Relationship Id="rId22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3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911B2648-10FB-4E37-BD5B-68CB20D6B93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6</TotalTime>
  <Pages>87</Pages>
  <Words>18442</Words>
  <Characters>77697</Characters>
  <Application>Microsoft Office Word</Application>
  <DocSecurity>0</DocSecurity>
  <Lines>647</Lines>
  <Paragraphs>19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Cardiff University</Company>
  <LinksUpToDate>false</LinksUpToDate>
  <CharactersWithSpaces>9594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Karen Chalk</dc:creator>
  <cp:lastModifiedBy>Cath Porter</cp:lastModifiedBy>
  <cp:revision>10</cp:revision>
  <cp:lastPrinted>2016-06-07T15:27:00Z</cp:lastPrinted>
  <dcterms:created xsi:type="dcterms:W3CDTF">2020-02-15T09:26:00Z</dcterms:created>
  <dcterms:modified xsi:type="dcterms:W3CDTF">2020-02-15T09:52:00Z</dcterms:modified>
  <cp:contentStatus>Final</cp:contentStatus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MarkAsFinal">
    <vt:bool>true</vt:bool>
  </property>
</Properties>
</file>